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defaultThemeVersion="124226"/>
  <bookViews>
    <workbookView xWindow="390" yWindow="45" windowWidth="20640" windowHeight="9270"/>
  </bookViews>
  <sheets>
    <sheet name="ｼﾝｸﾞﾙ三島案内 " sheetId="1" r:id="rId1"/>
  </sheets>
  <externalReferences>
    <externalReference r:id="rId2"/>
    <externalReference r:id="rId3"/>
    <externalReference r:id="rId4"/>
    <externalReference r:id="rId5"/>
    <externalReference r:id="rId6"/>
    <externalReference r:id="rId7"/>
    <externalReference r:id="rId8"/>
  </externalReferences>
  <definedNames>
    <definedName name="_Dist_Bin" hidden="1">'[1]MIC-分布ﾏｸﾛ'!$M$256:$M$270</definedName>
    <definedName name="_Dist_Values" hidden="1">'[1]MIC-分布ﾏｸﾛ'!$BD$6:$BD$250</definedName>
    <definedName name="_Fill" hidden="1">#REF!</definedName>
    <definedName name="_Key1" hidden="1">'[1]MIC-分布ﾏｸﾛ'!$A$6</definedName>
    <definedName name="_Order1" hidden="1">1</definedName>
    <definedName name="_Order2" hidden="1">255</definedName>
    <definedName name="_Sort" hidden="1">'[1]MIC-分布ﾏｸﾛ'!$A$6:$N$231</definedName>
    <definedName name="\a">'[1]MIC-分布ﾏｸﾛ'!$BG$321</definedName>
    <definedName name="\b">'[1]MIC-分布ﾏｸﾛ'!$BG$363</definedName>
    <definedName name="\c">#REF!</definedName>
    <definedName name="A">#REF!</definedName>
    <definedName name="AA">#REF!</definedName>
    <definedName name="aaa">#REF!</definedName>
    <definedName name="aaaa">#REF!</definedName>
    <definedName name="aaaaa">#REF!</definedName>
    <definedName name="aaaaaa">#REF!</definedName>
    <definedName name="B">#REF!</definedName>
    <definedName name="BB">#REF!</definedName>
    <definedName name="CC">#REF!</definedName>
    <definedName name="ccc">#REF!</definedName>
    <definedName name="D">#REF!</definedName>
    <definedName name="DD">#REF!</definedName>
    <definedName name="dddd">#REF!</definedName>
    <definedName name="dfff">#REF!</definedName>
    <definedName name="E">#REF!</definedName>
    <definedName name="EE">#REF!</definedName>
    <definedName name="fff">#REF!</definedName>
    <definedName name="gggg">'[2]L5X5X5 N'!$I$34</definedName>
    <definedName name="hhhh">#REF!</definedName>
    <definedName name="_xlnm.Print_Area" localSheetId="0">'ｼﾝｸﾞﾙ三島案内 '!$A$1:$I$64</definedName>
    <definedName name="sss">#REF!</definedName>
    <definedName name="vvv">#REF!</definedName>
    <definedName name="ｘ">'[3]MIC-分布ﾏｸﾛ'!$BG$363</definedName>
    <definedName name="あ">#REF!</definedName>
    <definedName name="加盟団体">[4]加盟団体リスト!$C$2:$C$178</definedName>
    <definedName name="基点">#REF!</definedName>
    <definedName name="基点332">#REF!</definedName>
    <definedName name="基点3332">#REF!</definedName>
    <definedName name="基点3333">#REF!</definedName>
    <definedName name="基点3334">#REF!</definedName>
    <definedName name="基点3335">#REF!</definedName>
    <definedName name="基点3336">#REF!</definedName>
    <definedName name="基点333決">#REF!</definedName>
    <definedName name="基点432">#REF!</definedName>
    <definedName name="基点4332">#REF!</definedName>
    <definedName name="基点4333">#REF!</definedName>
    <definedName name="基点433決">#REF!</definedName>
    <definedName name="基点442">#REF!</definedName>
    <definedName name="基点4432">#REF!</definedName>
    <definedName name="基点4433">#REF!</definedName>
    <definedName name="基点443決">#REF!</definedName>
    <definedName name="基点4442">#REF!</definedName>
    <definedName name="基点4443">#REF!</definedName>
    <definedName name="基点4444">#REF!</definedName>
    <definedName name="基点4445">#REF!</definedName>
    <definedName name="基点4446">#REF!</definedName>
    <definedName name="基点444決">'[5]20L4X4X4X4X4 '!#REF!</definedName>
    <definedName name="基点542">#REF!</definedName>
    <definedName name="基点5442">#REF!</definedName>
    <definedName name="基点5443">#REF!</definedName>
    <definedName name="基点544決">#REF!</definedName>
    <definedName name="基点552">#REF!</definedName>
    <definedName name="基点5542">#REF!</definedName>
    <definedName name="基点5543">#REF!</definedName>
    <definedName name="基点554A">#REF!</definedName>
    <definedName name="基点554決">#REF!</definedName>
    <definedName name="基点5552">#REF!</definedName>
    <definedName name="基点5553">#REF!</definedName>
    <definedName name="基点555決">'[6]L5X5X5 N'!$I$34</definedName>
    <definedName name="基点555決２">'[2]L5X5X5 N'!$I$34</definedName>
    <definedName name="支払">[7]会計簿!$E$4:$E$407,[7]会計簿!$I$4:$I$267</definedName>
    <definedName name="収入">[7]会計簿!$E$4:$E$407,[7]会計簿!$H$4:$H$267</definedName>
    <definedName name="平井カルテ">#REF!</definedName>
  </definedNames>
  <calcPr calcId="145621"/>
</workbook>
</file>

<file path=xl/sharedStrings.xml><?xml version="1.0" encoding="utf-8"?>
<sst xmlns="http://schemas.openxmlformats.org/spreadsheetml/2006/main" count="37" uniqueCount="37">
  <si>
    <t>三島地区各テニス協会（連盟)</t>
    <rPh sb="0" eb="2">
      <t>ミシマ</t>
    </rPh>
    <rPh sb="2" eb="4">
      <t>チク</t>
    </rPh>
    <rPh sb="4" eb="5">
      <t>カク</t>
    </rPh>
    <rPh sb="8" eb="10">
      <t>キョウカイ</t>
    </rPh>
    <rPh sb="11" eb="13">
      <t>レンメイ</t>
    </rPh>
    <phoneticPr fontId="3"/>
  </si>
  <si>
    <t>　殿</t>
  </si>
  <si>
    <t>　2016.10.吉日</t>
    <rPh sb="9" eb="11">
      <t>キチジツ</t>
    </rPh>
    <phoneticPr fontId="3"/>
  </si>
  <si>
    <t>高槻市テニス連盟</t>
    <rPh sb="0" eb="3">
      <t>タカツキシ</t>
    </rPh>
    <rPh sb="6" eb="8">
      <t>レンメイ</t>
    </rPh>
    <phoneticPr fontId="3"/>
  </si>
  <si>
    <t>　前略</t>
    <rPh sb="1" eb="3">
      <t>ゼンリャク</t>
    </rPh>
    <phoneticPr fontId="3"/>
  </si>
  <si>
    <t>　貴テニス連盟（協会)の皆様には、益々お元気でご活躍のことと、お喜び申し上げます。</t>
    <rPh sb="5" eb="7">
      <t>レンメイ</t>
    </rPh>
    <rPh sb="8" eb="10">
      <t>キョウカイ</t>
    </rPh>
    <phoneticPr fontId="3"/>
  </si>
  <si>
    <t>前年　表記テニス大会には選手派遣にご協力いただき有難うございます。</t>
    <rPh sb="0" eb="2">
      <t>ゼンネン</t>
    </rPh>
    <rPh sb="3" eb="5">
      <t>ヒョウキ</t>
    </rPh>
    <rPh sb="8" eb="10">
      <t>タイカイ</t>
    </rPh>
    <rPh sb="12" eb="14">
      <t>センシュ</t>
    </rPh>
    <rPh sb="14" eb="16">
      <t>ハケン</t>
    </rPh>
    <rPh sb="18" eb="20">
      <t>キョウリョク</t>
    </rPh>
    <rPh sb="24" eb="26">
      <t>アリガト</t>
    </rPh>
    <phoneticPr fontId="3"/>
  </si>
  <si>
    <t>今年度も表記テニス大会を三島地区テニス愛好家を対象とした準オープン大会とし、</t>
    <rPh sb="0" eb="3">
      <t>コンネンド</t>
    </rPh>
    <rPh sb="4" eb="6">
      <t>ヒョウキ</t>
    </rPh>
    <rPh sb="9" eb="11">
      <t>タイカイ</t>
    </rPh>
    <rPh sb="12" eb="14">
      <t>ミシマ</t>
    </rPh>
    <rPh sb="14" eb="16">
      <t>チク</t>
    </rPh>
    <rPh sb="19" eb="22">
      <t>アイコウカ</t>
    </rPh>
    <rPh sb="23" eb="25">
      <t>タイショウ</t>
    </rPh>
    <rPh sb="28" eb="29">
      <t>ジュン</t>
    </rPh>
    <rPh sb="33" eb="35">
      <t>タイカイ</t>
    </rPh>
    <phoneticPr fontId="3"/>
  </si>
  <si>
    <t>前年同様に三島地区各々の市町テニス協会(連盟）に１０人の参加枠を設けました。</t>
    <rPh sb="5" eb="7">
      <t>ミシマ</t>
    </rPh>
    <rPh sb="7" eb="9">
      <t>チク</t>
    </rPh>
    <rPh sb="9" eb="11">
      <t>オノオノ</t>
    </rPh>
    <rPh sb="12" eb="14">
      <t>シチョウソン</t>
    </rPh>
    <rPh sb="17" eb="19">
      <t>キョウカイ</t>
    </rPh>
    <rPh sb="20" eb="22">
      <t>レンメイ</t>
    </rPh>
    <rPh sb="26" eb="27">
      <t>ニン</t>
    </rPh>
    <rPh sb="28" eb="30">
      <t>サンカ</t>
    </rPh>
    <rPh sb="30" eb="31">
      <t>ワク</t>
    </rPh>
    <rPh sb="32" eb="33">
      <t>モウ</t>
    </rPh>
    <phoneticPr fontId="3"/>
  </si>
  <si>
    <t>　貴テニス協会（連盟)の皆様には、お手数をお掛け致しますが参加希望者がございましたら</t>
    <rPh sb="1" eb="2">
      <t>キ</t>
    </rPh>
    <rPh sb="17" eb="20">
      <t>オテカズ</t>
    </rPh>
    <rPh sb="21" eb="23">
      <t>オカ</t>
    </rPh>
    <rPh sb="24" eb="25">
      <t>イタ</t>
    </rPh>
    <rPh sb="29" eb="31">
      <t>サンカ</t>
    </rPh>
    <rPh sb="31" eb="34">
      <t>キボウシャ</t>
    </rPh>
    <phoneticPr fontId="3"/>
  </si>
  <si>
    <t>取りまとめて下記用紙にて、お申し込み頂ければ幸いです。</t>
    <rPh sb="0" eb="1">
      <t>ト</t>
    </rPh>
    <rPh sb="6" eb="8">
      <t>カキ</t>
    </rPh>
    <rPh sb="8" eb="10">
      <t>ヨウシ</t>
    </rPh>
    <rPh sb="14" eb="15">
      <t>モウ</t>
    </rPh>
    <rPh sb="16" eb="17">
      <t>コ</t>
    </rPh>
    <rPh sb="18" eb="19">
      <t>イタダ</t>
    </rPh>
    <rPh sb="22" eb="23">
      <t>サイワ</t>
    </rPh>
    <phoneticPr fontId="3"/>
  </si>
  <si>
    <t>申込締め切り日：１０月２６日（水）</t>
    <rPh sb="0" eb="2">
      <t>モウシコミ</t>
    </rPh>
    <rPh sb="2" eb="3">
      <t>シ</t>
    </rPh>
    <rPh sb="4" eb="5">
      <t>キ</t>
    </rPh>
    <rPh sb="6" eb="7">
      <t>ヒ</t>
    </rPh>
    <rPh sb="10" eb="11">
      <t>ツキ</t>
    </rPh>
    <rPh sb="13" eb="14">
      <t>ヒ</t>
    </rPh>
    <rPh sb="15" eb="16">
      <t>スイ</t>
    </rPh>
    <phoneticPr fontId="3"/>
  </si>
  <si>
    <t>　なお、参加料は、試合当日に納めていただきますが、1人：\3000(特別資格)で、お願い致します。</t>
    <rPh sb="4" eb="6">
      <t>サンカ</t>
    </rPh>
    <rPh sb="6" eb="7">
      <t>リョウ</t>
    </rPh>
    <rPh sb="9" eb="11">
      <t>シアイ</t>
    </rPh>
    <rPh sb="11" eb="13">
      <t>トウジツ</t>
    </rPh>
    <rPh sb="14" eb="15">
      <t>オサ</t>
    </rPh>
    <rPh sb="26" eb="27">
      <t>ニン</t>
    </rPh>
    <rPh sb="34" eb="36">
      <t>トクベツ</t>
    </rPh>
    <rPh sb="36" eb="38">
      <t>シカク</t>
    </rPh>
    <rPh sb="41" eb="43">
      <t>オネガ</t>
    </rPh>
    <rPh sb="44" eb="45">
      <t>イタ</t>
    </rPh>
    <phoneticPr fontId="3"/>
  </si>
  <si>
    <t>お申し込み頂いた選手が、試合当日不参加の場合も、追徴することになりますのでご理解願います。</t>
    <rPh sb="0" eb="4">
      <t>オモウシコ</t>
    </rPh>
    <rPh sb="5" eb="6">
      <t>イタダ</t>
    </rPh>
    <rPh sb="8" eb="10">
      <t>センシュ</t>
    </rPh>
    <rPh sb="12" eb="14">
      <t>シアイ</t>
    </rPh>
    <rPh sb="14" eb="16">
      <t>トウジツ</t>
    </rPh>
    <rPh sb="16" eb="19">
      <t>フサンカ</t>
    </rPh>
    <rPh sb="20" eb="22">
      <t>バアイ</t>
    </rPh>
    <rPh sb="24" eb="26">
      <t>ツイチョウ</t>
    </rPh>
    <rPh sb="37" eb="40">
      <t>ゴリカイ</t>
    </rPh>
    <rPh sb="40" eb="41">
      <t>ネガ</t>
    </rPh>
    <phoneticPr fontId="3"/>
  </si>
  <si>
    <t>また、過去　B、Cクラス優勝、準優勝者は上のクラスにて参加ください。</t>
    <rPh sb="3" eb="5">
      <t>カコ</t>
    </rPh>
    <rPh sb="12" eb="14">
      <t>ユウショウ</t>
    </rPh>
    <rPh sb="15" eb="16">
      <t>ジュン</t>
    </rPh>
    <rPh sb="16" eb="18">
      <t>ユウショウ</t>
    </rPh>
    <rPh sb="18" eb="19">
      <t>シャ</t>
    </rPh>
    <rPh sb="20" eb="21">
      <t>ウエ</t>
    </rPh>
    <rPh sb="27" eb="29">
      <t>サンカ</t>
    </rPh>
    <phoneticPr fontId="3"/>
  </si>
  <si>
    <t>その他、貴連盟(協会)所属の資格選手による申し込みにご留意ください。</t>
    <rPh sb="2" eb="3">
      <t>タ</t>
    </rPh>
    <rPh sb="4" eb="5">
      <t>キ</t>
    </rPh>
    <rPh sb="5" eb="7">
      <t>レンメイ</t>
    </rPh>
    <rPh sb="8" eb="10">
      <t>キョウカイ</t>
    </rPh>
    <rPh sb="11" eb="13">
      <t>ショゾク</t>
    </rPh>
    <rPh sb="14" eb="16">
      <t>シカク</t>
    </rPh>
    <rPh sb="21" eb="22">
      <t>モウ</t>
    </rPh>
    <rPh sb="23" eb="24">
      <t>コ</t>
    </rPh>
    <rPh sb="27" eb="29">
      <t>リュウイ</t>
    </rPh>
    <phoneticPr fontId="3"/>
  </si>
  <si>
    <t>申し込み用紙（三島地区用）</t>
    <rPh sb="0" eb="3">
      <t>モウシコ</t>
    </rPh>
    <rPh sb="4" eb="6">
      <t>ヨウシ</t>
    </rPh>
    <rPh sb="7" eb="9">
      <t>ミシマ</t>
    </rPh>
    <rPh sb="9" eb="11">
      <t>チク</t>
    </rPh>
    <rPh sb="11" eb="12">
      <t>ヨウ</t>
    </rPh>
    <phoneticPr fontId="3"/>
  </si>
  <si>
    <t>連盟（協会）</t>
    <rPh sb="0" eb="2">
      <t>レンメイ</t>
    </rPh>
    <rPh sb="3" eb="5">
      <t>キョウカイ</t>
    </rPh>
    <phoneticPr fontId="3"/>
  </si>
  <si>
    <t>責任者名：</t>
    <rPh sb="0" eb="3">
      <t>セキニンシャ</t>
    </rPh>
    <rPh sb="3" eb="4">
      <t>ナ</t>
    </rPh>
    <phoneticPr fontId="3"/>
  </si>
  <si>
    <t>連絡TEL：</t>
    <rPh sb="0" eb="2">
      <t>レンラク</t>
    </rPh>
    <phoneticPr fontId="3"/>
  </si>
  <si>
    <t>参加種目クラス別にまとめて記載頂くと、ドロー作成・点検が楽になります。ご協力ください。</t>
    <rPh sb="0" eb="2">
      <t>サンカ</t>
    </rPh>
    <rPh sb="2" eb="4">
      <t>シュモク</t>
    </rPh>
    <rPh sb="7" eb="8">
      <t>ベツ</t>
    </rPh>
    <rPh sb="13" eb="15">
      <t>キサイ</t>
    </rPh>
    <rPh sb="15" eb="16">
      <t>イタダ</t>
    </rPh>
    <rPh sb="22" eb="24">
      <t>サクセイ</t>
    </rPh>
    <rPh sb="25" eb="27">
      <t>テンケン</t>
    </rPh>
    <rPh sb="28" eb="29">
      <t>ラク</t>
    </rPh>
    <rPh sb="36" eb="38">
      <t>キョウリョク</t>
    </rPh>
    <phoneticPr fontId="3"/>
  </si>
  <si>
    <t>組数</t>
    <rPh sb="0" eb="2">
      <t>クミスウ</t>
    </rPh>
    <phoneticPr fontId="3"/>
  </si>
  <si>
    <t>参加種目</t>
    <rPh sb="0" eb="2">
      <t>サンカ</t>
    </rPh>
    <rPh sb="2" eb="4">
      <t>シュモク</t>
    </rPh>
    <phoneticPr fontId="3"/>
  </si>
  <si>
    <t>名　　前</t>
    <rPh sb="0" eb="4">
      <t>ナマエ</t>
    </rPh>
    <phoneticPr fontId="3"/>
  </si>
  <si>
    <t>ベテラン　＊</t>
    <phoneticPr fontId="3"/>
  </si>
  <si>
    <t>前年度成績</t>
    <rPh sb="0" eb="2">
      <t>ゼンネン</t>
    </rPh>
    <rPh sb="2" eb="3">
      <t>ド</t>
    </rPh>
    <rPh sb="3" eb="5">
      <t>セイセキ</t>
    </rPh>
    <phoneticPr fontId="3"/>
  </si>
  <si>
    <t>ベテランの部未成立時</t>
    <rPh sb="5" eb="6">
      <t>ブ</t>
    </rPh>
    <phoneticPr fontId="3"/>
  </si>
  <si>
    <t>男 ・女</t>
    <rPh sb="0" eb="1">
      <t>オトコ</t>
    </rPh>
    <rPh sb="3" eb="4">
      <t>オンナ</t>
    </rPh>
    <phoneticPr fontId="3"/>
  </si>
  <si>
    <t>クラス</t>
    <phoneticPr fontId="3"/>
  </si>
  <si>
    <t>年齢</t>
    <rPh sb="0" eb="2">
      <t>ネンレイ</t>
    </rPh>
    <phoneticPr fontId="3"/>
  </si>
  <si>
    <t>ベスト４の方記入</t>
    <rPh sb="5" eb="6">
      <t>カタ</t>
    </rPh>
    <rPh sb="6" eb="8">
      <t>キニュウ</t>
    </rPh>
    <phoneticPr fontId="3"/>
  </si>
  <si>
    <t>別参加クラス記入</t>
    <rPh sb="0" eb="1">
      <t>ベツ</t>
    </rPh>
    <rPh sb="6" eb="8">
      <t>キニュウ</t>
    </rPh>
    <phoneticPr fontId="3"/>
  </si>
  <si>
    <t>＊当年大晦日現在の年齢 ＝　　</t>
    <rPh sb="1" eb="3">
      <t>トウネン</t>
    </rPh>
    <rPh sb="3" eb="6">
      <t>オオミソカ</t>
    </rPh>
    <rPh sb="6" eb="8">
      <t>ゲンザイ</t>
    </rPh>
    <rPh sb="9" eb="11">
      <t>ネンレイ</t>
    </rPh>
    <phoneticPr fontId="3"/>
  </si>
  <si>
    <t>男　Ⅰ：４５歳≦、Ⅱ：５５歳≦、Ⅲ：６０歳≦、Ⅳ：６５歳≦、Ⅴ：７０歳≦</t>
    <rPh sb="34" eb="35">
      <t>サイ</t>
    </rPh>
    <phoneticPr fontId="3"/>
  </si>
  <si>
    <t>女　Ⅰ：４０歳≦、Ⅱ：５０歳≦、Ⅲ：５５歳≦</t>
    <rPh sb="0" eb="1">
      <t>オンナ</t>
    </rPh>
    <phoneticPr fontId="3"/>
  </si>
  <si>
    <t>第３０回　高槻市社会人シングルステニス大会のご案内</t>
    <rPh sb="8" eb="10">
      <t>シャカイ</t>
    </rPh>
    <rPh sb="10" eb="11">
      <t>ジン</t>
    </rPh>
    <rPh sb="22" eb="25">
      <t>ゴアンナイ</t>
    </rPh>
    <phoneticPr fontId="3"/>
  </si>
  <si>
    <t>開催要項は別紙のとおりです。</t>
    <rPh sb="0" eb="2">
      <t>カイサイ</t>
    </rPh>
    <rPh sb="2" eb="4">
      <t>ヨウコウ</t>
    </rPh>
    <rPh sb="5" eb="7">
      <t>ベッシ</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11">
    <font>
      <sz val="11"/>
      <name val="ＭＳ Ｐゴシック"/>
      <family val="3"/>
      <charset val="128"/>
    </font>
    <font>
      <sz val="11"/>
      <name val="ＭＳ Ｐゴシック"/>
      <family val="3"/>
      <charset val="128"/>
    </font>
    <font>
      <sz val="14"/>
      <name val="ＭＳ 明朝"/>
      <family val="1"/>
      <charset val="128"/>
    </font>
    <font>
      <sz val="6"/>
      <name val="ＭＳ Ｐゴシック"/>
      <family val="3"/>
      <charset val="128"/>
    </font>
    <font>
      <sz val="11"/>
      <name val="ＭＳ 明朝"/>
      <family val="1"/>
      <charset val="128"/>
    </font>
    <font>
      <sz val="14"/>
      <name val="ＭＳ Ｐゴシック"/>
      <family val="3"/>
      <charset val="128"/>
    </font>
    <font>
      <sz val="12"/>
      <name val="ＭＳ 明朝"/>
      <family val="1"/>
      <charset val="128"/>
    </font>
    <font>
      <sz val="11"/>
      <color rgb="FFFF0000"/>
      <name val="ＭＳ Ｐゴシック"/>
      <family val="3"/>
      <charset val="128"/>
    </font>
    <font>
      <b/>
      <sz val="11"/>
      <name val="ＭＳ Ｐゴシック"/>
      <family val="3"/>
      <charset val="128"/>
    </font>
    <font>
      <sz val="11"/>
      <color theme="1"/>
      <name val="ＭＳ Ｐゴシック"/>
      <family val="3"/>
      <charset val="128"/>
      <scheme val="minor"/>
    </font>
    <font>
      <sz val="8"/>
      <name val="ＭＳ 明朝"/>
      <family val="1"/>
      <charset val="128"/>
    </font>
  </fonts>
  <fills count="2">
    <fill>
      <patternFill patternType="none"/>
    </fill>
    <fill>
      <patternFill patternType="gray125"/>
    </fill>
  </fills>
  <borders count="17">
    <border>
      <left/>
      <right/>
      <top/>
      <bottom/>
      <diagonal/>
    </border>
    <border>
      <left/>
      <right/>
      <top/>
      <bottom style="thin">
        <color indexed="64"/>
      </bottom>
      <diagonal/>
    </border>
    <border>
      <left/>
      <right/>
      <top style="thin">
        <color indexed="64"/>
      </top>
      <bottom style="thin">
        <color indexed="64"/>
      </bottom>
      <diagonal/>
    </border>
    <border>
      <left style="medium">
        <color indexed="64"/>
      </left>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style="thin">
        <color indexed="64"/>
      </left>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diagonal/>
    </border>
    <border>
      <left style="thin">
        <color indexed="64"/>
      </left>
      <right style="medium">
        <color indexed="64"/>
      </right>
      <top/>
      <bottom/>
      <diagonal/>
    </border>
  </borders>
  <cellStyleXfs count="9">
    <xf numFmtId="0" fontId="0" fillId="0" borderId="0"/>
    <xf numFmtId="0" fontId="1" fillId="0" borderId="0">
      <alignment vertical="center"/>
    </xf>
    <xf numFmtId="0" fontId="1" fillId="0" borderId="0"/>
    <xf numFmtId="0" fontId="1" fillId="0" borderId="0"/>
    <xf numFmtId="0" fontId="1" fillId="0" borderId="0">
      <alignment vertical="center"/>
    </xf>
    <xf numFmtId="0" fontId="1" fillId="0" borderId="0"/>
    <xf numFmtId="0" fontId="9" fillId="0" borderId="0">
      <alignment vertical="center"/>
    </xf>
    <xf numFmtId="0" fontId="10" fillId="0" borderId="0"/>
    <xf numFmtId="0" fontId="1" fillId="0" borderId="0"/>
  </cellStyleXfs>
  <cellXfs count="40">
    <xf numFmtId="0" fontId="0" fillId="0" borderId="0" xfId="0"/>
    <xf numFmtId="0" fontId="2" fillId="0" borderId="0" xfId="0" applyFont="1" applyAlignment="1">
      <alignment vertical="center"/>
    </xf>
    <xf numFmtId="0" fontId="4" fillId="0" borderId="0" xfId="0" applyFont="1"/>
    <xf numFmtId="0" fontId="4" fillId="0" borderId="0" xfId="0" applyFont="1" applyAlignment="1">
      <alignment horizontal="left"/>
    </xf>
    <xf numFmtId="0" fontId="2" fillId="0" borderId="0" xfId="0" applyFont="1" applyBorder="1"/>
    <xf numFmtId="0" fontId="4" fillId="0" borderId="0" xfId="0" applyFont="1" applyBorder="1" applyAlignment="1">
      <alignment horizontal="right" vertical="center"/>
    </xf>
    <xf numFmtId="0" fontId="2" fillId="0" borderId="0" xfId="0" applyFont="1"/>
    <xf numFmtId="0" fontId="5" fillId="0" borderId="0" xfId="0" applyFont="1"/>
    <xf numFmtId="0" fontId="6" fillId="0" borderId="0" xfId="0" applyFont="1" applyBorder="1" applyAlignment="1">
      <alignment horizontal="right" vertical="center"/>
    </xf>
    <xf numFmtId="0" fontId="6" fillId="0" borderId="0" xfId="0" applyFont="1" applyBorder="1" applyAlignment="1">
      <alignment horizontal="right"/>
    </xf>
    <xf numFmtId="0" fontId="7" fillId="0" borderId="0" xfId="0" applyFont="1"/>
    <xf numFmtId="0" fontId="0" fillId="0" borderId="1" xfId="0" applyBorder="1" applyAlignment="1">
      <alignment horizontal="right"/>
    </xf>
    <xf numFmtId="0" fontId="1" fillId="0" borderId="0" xfId="1" applyFont="1">
      <alignment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shrinkToFit="1"/>
    </xf>
    <xf numFmtId="0" fontId="0" fillId="0" borderId="9" xfId="0" applyBorder="1" applyAlignment="1">
      <alignment horizontal="center" vertical="center"/>
    </xf>
    <xf numFmtId="0" fontId="0" fillId="0" borderId="11" xfId="0" applyBorder="1" applyAlignment="1">
      <alignment horizontal="center"/>
    </xf>
    <xf numFmtId="0" fontId="0" fillId="0" borderId="12" xfId="0" applyBorder="1" applyAlignment="1">
      <alignment horizontal="center"/>
    </xf>
    <xf numFmtId="0" fontId="0" fillId="0" borderId="11" xfId="0" applyBorder="1" applyAlignment="1">
      <alignment horizontal="center" vertical="center"/>
    </xf>
    <xf numFmtId="0" fontId="0" fillId="0" borderId="13" xfId="0" applyBorder="1" applyAlignment="1">
      <alignment horizontal="center" vertical="center" shrinkToFit="1"/>
    </xf>
    <xf numFmtId="0" fontId="0" fillId="0" borderId="14" xfId="0" applyBorder="1" applyAlignment="1">
      <alignment horizontal="center"/>
    </xf>
    <xf numFmtId="0" fontId="0" fillId="0" borderId="9" xfId="0" applyBorder="1"/>
    <xf numFmtId="0" fontId="8" fillId="0" borderId="0" xfId="1" applyFont="1">
      <alignment vertical="center"/>
    </xf>
    <xf numFmtId="0" fontId="0" fillId="0" borderId="8" xfId="0" applyBorder="1" applyAlignment="1">
      <alignment horizontal="center"/>
    </xf>
    <xf numFmtId="0" fontId="0" fillId="0" borderId="16" xfId="0" applyBorder="1" applyAlignment="1">
      <alignment horizontal="center"/>
    </xf>
    <xf numFmtId="0" fontId="0" fillId="0" borderId="14" xfId="0" applyBorder="1" applyAlignment="1">
      <alignment horizont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7" xfId="0" applyBorder="1" applyAlignment="1">
      <alignment horizontal="center"/>
    </xf>
    <xf numFmtId="0" fontId="0" fillId="0" borderId="15" xfId="0" applyBorder="1" applyAlignment="1">
      <alignment horizontal="center"/>
    </xf>
    <xf numFmtId="0" fontId="0" fillId="0" borderId="13" xfId="0" applyBorder="1" applyAlignment="1">
      <alignment horizontal="center"/>
    </xf>
    <xf numFmtId="0" fontId="0" fillId="0" borderId="3" xfId="0" applyBorder="1" applyAlignment="1">
      <alignment horizontal="center" vertical="center"/>
    </xf>
    <xf numFmtId="0" fontId="2" fillId="0" borderId="1" xfId="0" applyFont="1" applyBorder="1" applyAlignment="1">
      <alignment horizontal="right" vertical="center"/>
    </xf>
    <xf numFmtId="0" fontId="0" fillId="0" borderId="1" xfId="0" applyBorder="1" applyAlignment="1">
      <alignment horizontal="center"/>
    </xf>
    <xf numFmtId="0" fontId="0" fillId="0" borderId="2" xfId="0" applyBorder="1" applyAlignment="1">
      <alignment vertical="center"/>
    </xf>
    <xf numFmtId="0" fontId="0" fillId="0" borderId="4" xfId="0" applyBorder="1" applyAlignment="1">
      <alignment horizontal="center"/>
    </xf>
    <xf numFmtId="0" fontId="0" fillId="0" borderId="5" xfId="0" applyBorder="1" applyAlignment="1">
      <alignment horizontal="center"/>
    </xf>
    <xf numFmtId="0" fontId="0" fillId="0" borderId="6" xfId="0" applyBorder="1" applyAlignment="1">
      <alignment horizontal="center" vertical="center"/>
    </xf>
    <xf numFmtId="0" fontId="0" fillId="0" borderId="11" xfId="0" applyBorder="1" applyAlignment="1">
      <alignment horizontal="center" vertical="center"/>
    </xf>
  </cellXfs>
  <cellStyles count="9">
    <cellStyle name="標準" xfId="0" builtinId="0"/>
    <cellStyle name="標準 2" xfId="2"/>
    <cellStyle name="標準 2 2" xfId="3"/>
    <cellStyle name="標準 2 2 2" xfId="4"/>
    <cellStyle name="標準 2 3" xfId="5"/>
    <cellStyle name="標準 3" xfId="6"/>
    <cellStyle name="標準 4" xfId="7"/>
    <cellStyle name="標準 5" xfId="8"/>
    <cellStyle name="標準_申込書原稿関連"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sharedStrings" Target="sharedStrings.xml"/><Relationship Id="rId5" Type="http://schemas.openxmlformats.org/officeDocument/2006/relationships/externalLink" Target="externalLinks/externalLink4.xml"/><Relationship Id="rId10" Type="http://schemas.openxmlformats.org/officeDocument/2006/relationships/styles" Target="styles.xml"/><Relationship Id="rId4" Type="http://schemas.openxmlformats.org/officeDocument/2006/relationships/externalLink" Target="externalLinks/externalLink3.xml"/><Relationship Id="rId9"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Documents%20and%20Settings\s06240\&#12487;&#12473;&#12463;&#12488;&#12483;&#12503;\VCM-S\S-4661-517data\&#24494;&#37327;1\&#65423;&#65400;&#65435;-MIC-Broth.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Tennis\&#12489;&#12525;&#12540;\016&#21336;&#35079;(2006B).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Documents%20and%20Settings\s06240\&#12487;&#12473;&#12463;&#12488;&#12483;&#12503;\ALL&#65420;&#65383;&#65394;&#65433;\&#12381;&#12398;&#20182;\VCM-S\S-4661-517data\&#24494;&#37327;1\&#65423;&#65400;&#65435;-MIC-Broth.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H26&#24180;&#24230;\H26-06&#12288;&#12471;&#12531;&#12464;&#12523;&#12473;&#22823;&#20250;\H26%20&#12471;&#12531;&#12464;&#12523;&#12473;%20&#12456;&#12531;&#12488;&#12522;&#12540;.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H26&#24180;&#24230;\H26-06&#12288;&#12471;&#12531;&#12464;&#12523;&#12473;&#22823;&#20250;\H26%20&#12471;&#12531;&#12464;&#12523;&#12473;&#12489;&#12525;&#12540;MA.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Tennis\&#12489;&#12525;&#12540;\016&#21336;&#35079;(2006B).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24066;&#25552;&#20986;&#29289;&#38306;&#20418;\&#65298;&#65297;&#20250;&#35336;&#31807;K.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ｸﾞﾗﾌ"/>
      <sheetName val="MIC50-90"/>
      <sheetName val="Mean-%ﾏｸﾛ"/>
      <sheetName val="MIC-分布ﾏｸﾛ"/>
      <sheetName val="数字-分布ﾏｸﾛ"/>
      <sheetName val="R頻度"/>
    </sheetNames>
    <sheetDataSet>
      <sheetData sheetId="0" refreshError="1"/>
      <sheetData sheetId="1" refreshError="1"/>
      <sheetData sheetId="2" refreshError="1"/>
      <sheetData sheetId="3">
        <row r="6">
          <cell r="N6">
            <v>1</v>
          </cell>
        </row>
        <row r="7">
          <cell r="N7">
            <v>2</v>
          </cell>
        </row>
        <row r="8">
          <cell r="N8">
            <v>3</v>
          </cell>
        </row>
        <row r="9">
          <cell r="N9">
            <v>4</v>
          </cell>
        </row>
        <row r="10">
          <cell r="N10">
            <v>5</v>
          </cell>
        </row>
        <row r="11">
          <cell r="N11">
            <v>6</v>
          </cell>
        </row>
        <row r="12">
          <cell r="N12">
            <v>7</v>
          </cell>
        </row>
        <row r="13">
          <cell r="N13">
            <v>8</v>
          </cell>
        </row>
        <row r="14">
          <cell r="N14">
            <v>9</v>
          </cell>
        </row>
        <row r="15">
          <cell r="N15">
            <v>10</v>
          </cell>
        </row>
        <row r="16">
          <cell r="N16">
            <v>11</v>
          </cell>
        </row>
        <row r="17">
          <cell r="N17">
            <v>12</v>
          </cell>
        </row>
        <row r="18">
          <cell r="N18">
            <v>13</v>
          </cell>
        </row>
        <row r="19">
          <cell r="N19">
            <v>14</v>
          </cell>
        </row>
        <row r="20">
          <cell r="N20">
            <v>15</v>
          </cell>
        </row>
        <row r="21">
          <cell r="N21">
            <v>16</v>
          </cell>
        </row>
        <row r="22">
          <cell r="N22">
            <v>17</v>
          </cell>
        </row>
        <row r="23">
          <cell r="N23">
            <v>18</v>
          </cell>
        </row>
        <row r="24">
          <cell r="N24">
            <v>19</v>
          </cell>
        </row>
        <row r="25">
          <cell r="N25">
            <v>20</v>
          </cell>
        </row>
        <row r="26">
          <cell r="N26">
            <v>21</v>
          </cell>
        </row>
        <row r="27">
          <cell r="N27">
            <v>22</v>
          </cell>
        </row>
        <row r="28">
          <cell r="N28">
            <v>23</v>
          </cell>
        </row>
        <row r="29">
          <cell r="N29">
            <v>24</v>
          </cell>
        </row>
        <row r="30">
          <cell r="N30">
            <v>25</v>
          </cell>
        </row>
        <row r="31">
          <cell r="N31">
            <v>26</v>
          </cell>
        </row>
        <row r="32">
          <cell r="N32">
            <v>27</v>
          </cell>
        </row>
        <row r="33">
          <cell r="N33">
            <v>28</v>
          </cell>
        </row>
        <row r="34">
          <cell r="N34">
            <v>29</v>
          </cell>
        </row>
        <row r="35">
          <cell r="N35">
            <v>30</v>
          </cell>
        </row>
        <row r="36">
          <cell r="N36">
            <v>31</v>
          </cell>
        </row>
        <row r="37">
          <cell r="N37">
            <v>32</v>
          </cell>
        </row>
        <row r="38">
          <cell r="N38">
            <v>33</v>
          </cell>
        </row>
        <row r="39">
          <cell r="N39">
            <v>34</v>
          </cell>
        </row>
        <row r="40">
          <cell r="N40">
            <v>35</v>
          </cell>
        </row>
        <row r="41">
          <cell r="N41">
            <v>36</v>
          </cell>
        </row>
        <row r="42">
          <cell r="N42">
            <v>37</v>
          </cell>
        </row>
        <row r="43">
          <cell r="N43">
            <v>38</v>
          </cell>
        </row>
        <row r="44">
          <cell r="N44">
            <v>39</v>
          </cell>
        </row>
        <row r="45">
          <cell r="N45">
            <v>40</v>
          </cell>
        </row>
        <row r="46">
          <cell r="N46">
            <v>41</v>
          </cell>
        </row>
        <row r="47">
          <cell r="N47">
            <v>42</v>
          </cell>
        </row>
        <row r="48">
          <cell r="N48">
            <v>43</v>
          </cell>
        </row>
        <row r="49">
          <cell r="N49">
            <v>44</v>
          </cell>
        </row>
        <row r="50">
          <cell r="N50">
            <v>45</v>
          </cell>
        </row>
        <row r="51">
          <cell r="N51">
            <v>46</v>
          </cell>
        </row>
        <row r="52">
          <cell r="N52">
            <v>47</v>
          </cell>
        </row>
        <row r="53">
          <cell r="N53">
            <v>48</v>
          </cell>
        </row>
        <row r="54">
          <cell r="N54">
            <v>49</v>
          </cell>
        </row>
        <row r="55">
          <cell r="N55">
            <v>50</v>
          </cell>
        </row>
        <row r="56">
          <cell r="N56">
            <v>51</v>
          </cell>
        </row>
        <row r="57">
          <cell r="N57">
            <v>52</v>
          </cell>
        </row>
        <row r="58">
          <cell r="N58">
            <v>53</v>
          </cell>
        </row>
        <row r="59">
          <cell r="N59">
            <v>54</v>
          </cell>
        </row>
        <row r="60">
          <cell r="N60">
            <v>55</v>
          </cell>
        </row>
        <row r="61">
          <cell r="N61">
            <v>56</v>
          </cell>
        </row>
        <row r="62">
          <cell r="N62">
            <v>57</v>
          </cell>
        </row>
        <row r="63">
          <cell r="N63">
            <v>58</v>
          </cell>
        </row>
        <row r="64">
          <cell r="N64">
            <v>59</v>
          </cell>
        </row>
        <row r="65">
          <cell r="N65">
            <v>60</v>
          </cell>
        </row>
        <row r="66">
          <cell r="N66">
            <v>61</v>
          </cell>
        </row>
        <row r="67">
          <cell r="N67">
            <v>62</v>
          </cell>
        </row>
        <row r="68">
          <cell r="N68">
            <v>63</v>
          </cell>
        </row>
        <row r="69">
          <cell r="N69">
            <v>64</v>
          </cell>
        </row>
        <row r="70">
          <cell r="N70">
            <v>65</v>
          </cell>
        </row>
        <row r="71">
          <cell r="N71">
            <v>66</v>
          </cell>
        </row>
        <row r="72">
          <cell r="N72">
            <v>67</v>
          </cell>
        </row>
        <row r="73">
          <cell r="N73">
            <v>68</v>
          </cell>
        </row>
        <row r="74">
          <cell r="N74">
            <v>69</v>
          </cell>
        </row>
        <row r="75">
          <cell r="N75">
            <v>70</v>
          </cell>
        </row>
        <row r="76">
          <cell r="N76">
            <v>71</v>
          </cell>
        </row>
        <row r="77">
          <cell r="N77">
            <v>72</v>
          </cell>
        </row>
        <row r="78">
          <cell r="N78">
            <v>73</v>
          </cell>
        </row>
        <row r="79">
          <cell r="N79">
            <v>74</v>
          </cell>
        </row>
        <row r="80">
          <cell r="N80">
            <v>75</v>
          </cell>
        </row>
        <row r="81">
          <cell r="N81">
            <v>76</v>
          </cell>
        </row>
        <row r="82">
          <cell r="N82">
            <v>77</v>
          </cell>
        </row>
        <row r="83">
          <cell r="N83">
            <v>78</v>
          </cell>
        </row>
        <row r="84">
          <cell r="N84">
            <v>79</v>
          </cell>
        </row>
        <row r="85">
          <cell r="N85">
            <v>80</v>
          </cell>
        </row>
        <row r="86">
          <cell r="N86">
            <v>81</v>
          </cell>
        </row>
        <row r="87">
          <cell r="N87">
            <v>82</v>
          </cell>
        </row>
        <row r="88">
          <cell r="N88">
            <v>83</v>
          </cell>
        </row>
        <row r="89">
          <cell r="N89">
            <v>84</v>
          </cell>
        </row>
        <row r="90">
          <cell r="N90">
            <v>85</v>
          </cell>
        </row>
        <row r="91">
          <cell r="N91">
            <v>86</v>
          </cell>
        </row>
        <row r="92">
          <cell r="N92">
            <v>87</v>
          </cell>
        </row>
        <row r="93">
          <cell r="N93">
            <v>88</v>
          </cell>
        </row>
        <row r="94">
          <cell r="N94">
            <v>89</v>
          </cell>
        </row>
        <row r="95">
          <cell r="N95">
            <v>90</v>
          </cell>
        </row>
        <row r="96">
          <cell r="N96">
            <v>91</v>
          </cell>
        </row>
        <row r="97">
          <cell r="N97">
            <v>92</v>
          </cell>
        </row>
        <row r="98">
          <cell r="N98">
            <v>93</v>
          </cell>
        </row>
        <row r="99">
          <cell r="N99">
            <v>94</v>
          </cell>
        </row>
        <row r="100">
          <cell r="N100">
            <v>95</v>
          </cell>
        </row>
        <row r="101">
          <cell r="N101">
            <v>96</v>
          </cell>
        </row>
        <row r="102">
          <cell r="N102">
            <v>97</v>
          </cell>
        </row>
        <row r="103">
          <cell r="N103">
            <v>98</v>
          </cell>
        </row>
        <row r="104">
          <cell r="N104">
            <v>99</v>
          </cell>
        </row>
        <row r="105">
          <cell r="N105">
            <v>100</v>
          </cell>
        </row>
        <row r="106">
          <cell r="N106">
            <v>101</v>
          </cell>
        </row>
        <row r="107">
          <cell r="N107">
            <v>102</v>
          </cell>
        </row>
        <row r="108">
          <cell r="N108">
            <v>103</v>
          </cell>
        </row>
        <row r="109">
          <cell r="N109">
            <v>104</v>
          </cell>
        </row>
        <row r="110">
          <cell r="N110">
            <v>105</v>
          </cell>
        </row>
        <row r="111">
          <cell r="N111">
            <v>106</v>
          </cell>
        </row>
        <row r="112">
          <cell r="N112">
            <v>107</v>
          </cell>
        </row>
        <row r="113">
          <cell r="N113">
            <v>108</v>
          </cell>
        </row>
        <row r="114">
          <cell r="N114">
            <v>109</v>
          </cell>
        </row>
        <row r="115">
          <cell r="N115">
            <v>110</v>
          </cell>
        </row>
        <row r="116">
          <cell r="N116">
            <v>111</v>
          </cell>
        </row>
        <row r="117">
          <cell r="N117">
            <v>112</v>
          </cell>
        </row>
        <row r="118">
          <cell r="N118">
            <v>113</v>
          </cell>
        </row>
        <row r="119">
          <cell r="N119">
            <v>114</v>
          </cell>
        </row>
        <row r="120">
          <cell r="N120">
            <v>115</v>
          </cell>
        </row>
        <row r="121">
          <cell r="N121">
            <v>116</v>
          </cell>
        </row>
        <row r="122">
          <cell r="N122">
            <v>117</v>
          </cell>
        </row>
        <row r="123">
          <cell r="N123">
            <v>118</v>
          </cell>
        </row>
        <row r="124">
          <cell r="N124">
            <v>119</v>
          </cell>
        </row>
        <row r="125">
          <cell r="N125">
            <v>120</v>
          </cell>
        </row>
        <row r="126">
          <cell r="N126">
            <v>121</v>
          </cell>
        </row>
        <row r="127">
          <cell r="N127">
            <v>122</v>
          </cell>
        </row>
        <row r="128">
          <cell r="N128">
            <v>123</v>
          </cell>
        </row>
        <row r="129">
          <cell r="N129">
            <v>124</v>
          </cell>
        </row>
        <row r="130">
          <cell r="N130">
            <v>125</v>
          </cell>
        </row>
        <row r="131">
          <cell r="N131">
            <v>126</v>
          </cell>
        </row>
        <row r="132">
          <cell r="N132">
            <v>127</v>
          </cell>
        </row>
        <row r="133">
          <cell r="N133">
            <v>128</v>
          </cell>
        </row>
        <row r="134">
          <cell r="N134">
            <v>129</v>
          </cell>
        </row>
        <row r="135">
          <cell r="N135">
            <v>130</v>
          </cell>
        </row>
        <row r="136">
          <cell r="N136">
            <v>131</v>
          </cell>
        </row>
        <row r="137">
          <cell r="N137">
            <v>132</v>
          </cell>
        </row>
        <row r="138">
          <cell r="N138">
            <v>133</v>
          </cell>
        </row>
        <row r="139">
          <cell r="N139">
            <v>134</v>
          </cell>
        </row>
        <row r="140">
          <cell r="N140">
            <v>135</v>
          </cell>
        </row>
        <row r="141">
          <cell r="N141">
            <v>136</v>
          </cell>
        </row>
        <row r="142">
          <cell r="N142">
            <v>137</v>
          </cell>
        </row>
        <row r="143">
          <cell r="N143">
            <v>138</v>
          </cell>
        </row>
        <row r="144">
          <cell r="N144">
            <v>139</v>
          </cell>
        </row>
        <row r="145">
          <cell r="N145">
            <v>140</v>
          </cell>
        </row>
        <row r="146">
          <cell r="N146">
            <v>141</v>
          </cell>
        </row>
        <row r="147">
          <cell r="N147">
            <v>142</v>
          </cell>
        </row>
        <row r="148">
          <cell r="N148">
            <v>143</v>
          </cell>
        </row>
        <row r="149">
          <cell r="N149">
            <v>144</v>
          </cell>
        </row>
        <row r="150">
          <cell r="N150">
            <v>145</v>
          </cell>
        </row>
        <row r="151">
          <cell r="N151">
            <v>146</v>
          </cell>
        </row>
        <row r="152">
          <cell r="N152">
            <v>147</v>
          </cell>
        </row>
        <row r="153">
          <cell r="N153">
            <v>148</v>
          </cell>
        </row>
        <row r="154">
          <cell r="N154">
            <v>149</v>
          </cell>
        </row>
        <row r="155">
          <cell r="N155">
            <v>150</v>
          </cell>
        </row>
        <row r="156">
          <cell r="N156">
            <v>151</v>
          </cell>
        </row>
        <row r="157">
          <cell r="N157">
            <v>152</v>
          </cell>
        </row>
        <row r="158">
          <cell r="N158">
            <v>153</v>
          </cell>
        </row>
        <row r="159">
          <cell r="N159">
            <v>154</v>
          </cell>
        </row>
        <row r="160">
          <cell r="N160">
            <v>155</v>
          </cell>
        </row>
        <row r="161">
          <cell r="N161">
            <v>156</v>
          </cell>
        </row>
        <row r="162">
          <cell r="N162">
            <v>157</v>
          </cell>
        </row>
        <row r="163">
          <cell r="N163">
            <v>158</v>
          </cell>
        </row>
        <row r="164">
          <cell r="N164">
            <v>159</v>
          </cell>
        </row>
        <row r="165">
          <cell r="N165">
            <v>160</v>
          </cell>
        </row>
        <row r="166">
          <cell r="N166">
            <v>161</v>
          </cell>
        </row>
        <row r="167">
          <cell r="N167">
            <v>162</v>
          </cell>
        </row>
        <row r="168">
          <cell r="N168">
            <v>163</v>
          </cell>
        </row>
        <row r="169">
          <cell r="N169">
            <v>164</v>
          </cell>
        </row>
        <row r="170">
          <cell r="N170">
            <v>165</v>
          </cell>
        </row>
        <row r="171">
          <cell r="N171">
            <v>166</v>
          </cell>
        </row>
        <row r="172">
          <cell r="N172">
            <v>167</v>
          </cell>
        </row>
        <row r="173">
          <cell r="N173">
            <v>168</v>
          </cell>
        </row>
        <row r="174">
          <cell r="N174">
            <v>169</v>
          </cell>
        </row>
        <row r="175">
          <cell r="N175">
            <v>170</v>
          </cell>
        </row>
        <row r="176">
          <cell r="N176">
            <v>171</v>
          </cell>
        </row>
        <row r="177">
          <cell r="N177">
            <v>172</v>
          </cell>
        </row>
        <row r="178">
          <cell r="N178">
            <v>173</v>
          </cell>
        </row>
        <row r="179">
          <cell r="N179">
            <v>174</v>
          </cell>
        </row>
        <row r="180">
          <cell r="N180">
            <v>175</v>
          </cell>
        </row>
        <row r="181">
          <cell r="N181">
            <v>176</v>
          </cell>
        </row>
        <row r="182">
          <cell r="N182">
            <v>177</v>
          </cell>
        </row>
        <row r="183">
          <cell r="N183">
            <v>178</v>
          </cell>
        </row>
        <row r="184">
          <cell r="N184">
            <v>179</v>
          </cell>
        </row>
        <row r="185">
          <cell r="N185">
            <v>180</v>
          </cell>
        </row>
        <row r="186">
          <cell r="N186">
            <v>181</v>
          </cell>
        </row>
        <row r="187">
          <cell r="N187">
            <v>182</v>
          </cell>
        </row>
        <row r="188">
          <cell r="N188">
            <v>183</v>
          </cell>
        </row>
        <row r="189">
          <cell r="N189">
            <v>184</v>
          </cell>
        </row>
        <row r="190">
          <cell r="N190">
            <v>185</v>
          </cell>
        </row>
        <row r="191">
          <cell r="N191">
            <v>186</v>
          </cell>
        </row>
        <row r="192">
          <cell r="N192">
            <v>187</v>
          </cell>
        </row>
        <row r="193">
          <cell r="N193">
            <v>188</v>
          </cell>
        </row>
        <row r="194">
          <cell r="N194">
            <v>189</v>
          </cell>
        </row>
        <row r="195">
          <cell r="N195">
            <v>190</v>
          </cell>
        </row>
        <row r="196">
          <cell r="N196">
            <v>191</v>
          </cell>
        </row>
        <row r="197">
          <cell r="N197">
            <v>192</v>
          </cell>
        </row>
        <row r="198">
          <cell r="N198">
            <v>193</v>
          </cell>
        </row>
        <row r="199">
          <cell r="N199">
            <v>194</v>
          </cell>
        </row>
        <row r="200">
          <cell r="N200">
            <v>195</v>
          </cell>
        </row>
        <row r="201">
          <cell r="N201">
            <v>196</v>
          </cell>
        </row>
        <row r="202">
          <cell r="N202">
            <v>197</v>
          </cell>
        </row>
        <row r="203">
          <cell r="N203">
            <v>198</v>
          </cell>
        </row>
        <row r="204">
          <cell r="N204">
            <v>199</v>
          </cell>
        </row>
        <row r="205">
          <cell r="N205">
            <v>200</v>
          </cell>
        </row>
        <row r="206">
          <cell r="N206">
            <v>201</v>
          </cell>
        </row>
        <row r="207">
          <cell r="N207">
            <v>202</v>
          </cell>
        </row>
        <row r="208">
          <cell r="N208">
            <v>203</v>
          </cell>
        </row>
        <row r="209">
          <cell r="N209">
            <v>204</v>
          </cell>
        </row>
        <row r="210">
          <cell r="N210">
            <v>205</v>
          </cell>
        </row>
        <row r="211">
          <cell r="N211">
            <v>206</v>
          </cell>
        </row>
        <row r="212">
          <cell r="N212">
            <v>207</v>
          </cell>
        </row>
        <row r="213">
          <cell r="N213">
            <v>208</v>
          </cell>
        </row>
        <row r="214">
          <cell r="N214">
            <v>209</v>
          </cell>
        </row>
        <row r="215">
          <cell r="N215">
            <v>210</v>
          </cell>
        </row>
        <row r="216">
          <cell r="N216">
            <v>211</v>
          </cell>
        </row>
        <row r="217">
          <cell r="N217">
            <v>212</v>
          </cell>
        </row>
        <row r="218">
          <cell r="N218">
            <v>213</v>
          </cell>
        </row>
        <row r="219">
          <cell r="N219">
            <v>214</v>
          </cell>
        </row>
        <row r="220">
          <cell r="N220">
            <v>215</v>
          </cell>
        </row>
        <row r="221">
          <cell r="N221">
            <v>216</v>
          </cell>
        </row>
        <row r="222">
          <cell r="N222">
            <v>217</v>
          </cell>
        </row>
        <row r="223">
          <cell r="N223">
            <v>218</v>
          </cell>
        </row>
        <row r="224">
          <cell r="N224">
            <v>219</v>
          </cell>
        </row>
        <row r="225">
          <cell r="N225">
            <v>220</v>
          </cell>
        </row>
        <row r="226">
          <cell r="N226">
            <v>221</v>
          </cell>
        </row>
        <row r="227">
          <cell r="N227">
            <v>222</v>
          </cell>
        </row>
        <row r="228">
          <cell r="N228">
            <v>223</v>
          </cell>
        </row>
        <row r="229">
          <cell r="N229">
            <v>224</v>
          </cell>
        </row>
        <row r="230">
          <cell r="N230">
            <v>225</v>
          </cell>
        </row>
        <row r="256">
          <cell r="M256">
            <v>8.0000000000000002E-3</v>
          </cell>
        </row>
        <row r="257">
          <cell r="M257">
            <v>1.6E-2</v>
          </cell>
        </row>
        <row r="258">
          <cell r="M258">
            <v>3.2000000000000001E-2</v>
          </cell>
        </row>
        <row r="259">
          <cell r="M259">
            <v>6.3E-2</v>
          </cell>
        </row>
        <row r="260">
          <cell r="M260">
            <v>0.125</v>
          </cell>
        </row>
        <row r="261">
          <cell r="M261">
            <v>0.25</v>
          </cell>
        </row>
        <row r="262">
          <cell r="M262">
            <v>0.5</v>
          </cell>
        </row>
        <row r="263">
          <cell r="M263">
            <v>1</v>
          </cell>
        </row>
        <row r="264">
          <cell r="M264">
            <v>2</v>
          </cell>
        </row>
        <row r="265">
          <cell r="M265">
            <v>4</v>
          </cell>
        </row>
        <row r="266">
          <cell r="M266">
            <v>8</v>
          </cell>
        </row>
        <row r="267">
          <cell r="M267">
            <v>16</v>
          </cell>
        </row>
        <row r="268">
          <cell r="M268">
            <v>32</v>
          </cell>
        </row>
        <row r="269">
          <cell r="M269">
            <v>64</v>
          </cell>
        </row>
        <row r="270">
          <cell r="M270">
            <v>128</v>
          </cell>
        </row>
        <row r="321">
          <cell r="BG321" t="str">
            <v>{MENU}DDP6:P250~M256:M270~{MENU}MN256:N271~P256~</v>
          </cell>
        </row>
        <row r="363">
          <cell r="BG363" t="str">
            <v>{MENU}CP5:BD5~P255~</v>
          </cell>
        </row>
      </sheetData>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種目"/>
      <sheetName val="受付表"/>
      <sheetName val="Ｗ１６"/>
      <sheetName val="Ｓ１６"/>
      <sheetName val="L5X5 N"/>
      <sheetName val="L5X4 N "/>
      <sheetName val="L5X5X5 N"/>
      <sheetName val="L5X5X4 N"/>
      <sheetName val="L5X4X4 N "/>
      <sheetName val="L4X4X4 N "/>
      <sheetName val="L4X4X3 N "/>
      <sheetName val="L4X3X3 N  "/>
      <sheetName val="L3X3X3 N "/>
      <sheetName val="16抽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ｸﾞﾗﾌ"/>
      <sheetName val="MIC50-90"/>
      <sheetName val="Mean-%ﾏｸﾛ"/>
      <sheetName val="MIC-分布ﾏｸﾛ"/>
      <sheetName val="数字-分布ﾏｸﾛ"/>
      <sheetName val="R頻度"/>
    </sheetNames>
    <sheetDataSet>
      <sheetData sheetId="0" refreshError="1"/>
      <sheetData sheetId="1" refreshError="1"/>
      <sheetData sheetId="2" refreshError="1"/>
      <sheetData sheetId="3">
        <row r="363">
          <cell r="BG363" t="str">
            <v>{MENU}CP5:BD5~P255~</v>
          </cell>
        </row>
      </sheetData>
      <sheetData sheetId="4" refreshError="1"/>
      <sheetData sheetId="5"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加盟団体リスト"/>
      <sheetName val="MA"/>
      <sheetName val="MB"/>
      <sheetName val="MC"/>
      <sheetName val="MS1"/>
      <sheetName val="MS2"/>
      <sheetName val="MS3"/>
      <sheetName val="MS4"/>
      <sheetName val="WA"/>
      <sheetName val="WB"/>
      <sheetName val="WC"/>
      <sheetName val="WS1"/>
      <sheetName val="WS2"/>
      <sheetName val="エントリー数"/>
      <sheetName val="M"/>
      <sheetName val="W"/>
      <sheetName val="Sheet1"/>
    </sheetNames>
    <sheetDataSet>
      <sheetData sheetId="0">
        <row r="2">
          <cell r="C2" t="str">
            <v>略　　称</v>
          </cell>
        </row>
        <row r="3">
          <cell r="C3" t="str">
            <v>２４／７</v>
          </cell>
        </row>
        <row r="4">
          <cell r="C4" t="str">
            <v>（株）明治</v>
          </cell>
        </row>
        <row r="5">
          <cell r="C5" t="str">
            <v>Bay&amp;Way</v>
          </cell>
        </row>
        <row r="6">
          <cell r="C6" t="str">
            <v>Blue Wind</v>
          </cell>
        </row>
        <row r="7">
          <cell r="C7" t="str">
            <v>ＢＵＲＮＳ</v>
          </cell>
        </row>
        <row r="8">
          <cell r="C8" t="str">
            <v>ｃｌｏｖｅｒ</v>
          </cell>
        </row>
        <row r="9">
          <cell r="C9" t="str">
            <v>Colors</v>
          </cell>
        </row>
        <row r="10">
          <cell r="C10" t="str">
            <v>ＣＯＭＥ ＯＮ！</v>
          </cell>
        </row>
        <row r="11">
          <cell r="C11" t="str">
            <v>EaE</v>
          </cell>
        </row>
        <row r="12">
          <cell r="C12" t="str">
            <v>ETA</v>
          </cell>
        </row>
        <row r="13">
          <cell r="C13" t="str">
            <v>FTC</v>
          </cell>
        </row>
        <row r="14">
          <cell r="C14" t="str">
            <v>FTLTC</v>
          </cell>
        </row>
        <row r="15">
          <cell r="C15" t="str">
            <v>G&amp;B</v>
          </cell>
        </row>
        <row r="16">
          <cell r="C16" t="str">
            <v>LGI</v>
          </cell>
        </row>
        <row r="17">
          <cell r="C17" t="str">
            <v>MOKU</v>
          </cell>
        </row>
        <row r="18">
          <cell r="C18" t="str">
            <v>MOVE</v>
          </cell>
        </row>
        <row r="19">
          <cell r="C19" t="str">
            <v>MSi</v>
          </cell>
        </row>
        <row r="20">
          <cell r="C20" t="str">
            <v>NCI TC</v>
          </cell>
        </row>
        <row r="21">
          <cell r="C21" t="str">
            <v>NS阿武山</v>
          </cell>
        </row>
        <row r="22">
          <cell r="C22" t="str">
            <v>ＮＴＣ</v>
          </cell>
        </row>
        <row r="23">
          <cell r="C23" t="str">
            <v>ｏｌｄ阿武山</v>
          </cell>
        </row>
        <row r="24">
          <cell r="C24" t="str">
            <v>Rough</v>
          </cell>
        </row>
        <row r="25">
          <cell r="C25" t="str">
            <v>RSTC</v>
          </cell>
        </row>
        <row r="26">
          <cell r="C26" t="str">
            <v>Seven-style</v>
          </cell>
        </row>
        <row r="27">
          <cell r="C27" t="str">
            <v>STC</v>
          </cell>
        </row>
        <row r="28">
          <cell r="C28" t="str">
            <v>T.R-3</v>
          </cell>
        </row>
        <row r="29">
          <cell r="C29" t="str">
            <v>TC Dream</v>
          </cell>
        </row>
        <row r="30">
          <cell r="C30" t="str">
            <v>TC Dream・ETA</v>
          </cell>
        </row>
        <row r="31">
          <cell r="C31" t="str">
            <v>TC Dream・ﾌﾚﾝｽﾞ</v>
          </cell>
        </row>
        <row r="32">
          <cell r="C32" t="str">
            <v>Team Pon-Poko</v>
          </cell>
        </row>
        <row r="33">
          <cell r="C33" t="str">
            <v>Teamぷ～ぷ～</v>
          </cell>
        </row>
        <row r="34">
          <cell r="C34" t="str">
            <v>TK</v>
          </cell>
        </row>
        <row r="35">
          <cell r="C35" t="str">
            <v>TMR</v>
          </cell>
        </row>
        <row r="36">
          <cell r="C36" t="str">
            <v>TOWA</v>
          </cell>
        </row>
        <row r="37">
          <cell r="C37" t="str">
            <v>ＴＹＫ</v>
          </cell>
        </row>
        <row r="38">
          <cell r="C38" t="str">
            <v>ＴＹＫ・ＥＴＡ</v>
          </cell>
        </row>
        <row r="39">
          <cell r="C39" t="str">
            <v>ＴＹＫ・水無瀬ミント</v>
          </cell>
        </row>
        <row r="40">
          <cell r="C40" t="str">
            <v>UPSET</v>
          </cell>
        </row>
        <row r="41">
          <cell r="C41" t="str">
            <v>Yellow Fox</v>
          </cell>
        </row>
        <row r="42">
          <cell r="C42" t="str">
            <v>ZERO</v>
          </cell>
        </row>
        <row r="43">
          <cell r="C43" t="str">
            <v>ZERO・Team Pon-Poko</v>
          </cell>
        </row>
        <row r="44">
          <cell r="C44" t="str">
            <v>Ｚｏｏ</v>
          </cell>
        </row>
        <row r="45">
          <cell r="C45" t="str">
            <v>浅沼組</v>
          </cell>
        </row>
        <row r="46">
          <cell r="C46" t="str">
            <v>市橋クラブ</v>
          </cell>
        </row>
        <row r="47">
          <cell r="C47" t="str">
            <v>茨木ST</v>
          </cell>
        </row>
        <row r="48">
          <cell r="C48" t="str">
            <v>茨木サニータウンTC</v>
          </cell>
        </row>
        <row r="49">
          <cell r="C49" t="str">
            <v>茨木市</v>
          </cell>
        </row>
        <row r="50">
          <cell r="C50" t="str">
            <v>茨木高槻山のテニスサークル</v>
          </cell>
        </row>
        <row r="51">
          <cell r="C51" t="str">
            <v>梅こぶ茶</v>
          </cell>
        </row>
        <row r="52">
          <cell r="C52" t="str">
            <v>大下ＴＧ</v>
          </cell>
        </row>
        <row r="53">
          <cell r="C53" t="str">
            <v>カルピスTC</v>
          </cell>
        </row>
        <row r="54">
          <cell r="C54" t="str">
            <v>金プリ</v>
          </cell>
        </row>
        <row r="55">
          <cell r="C55" t="str">
            <v>グランツ</v>
          </cell>
        </row>
        <row r="56">
          <cell r="C56" t="str">
            <v>グリコ栄養食品</v>
          </cell>
        </row>
        <row r="57">
          <cell r="C57" t="str">
            <v>クリスタルＰ・ちゅん＆りん</v>
          </cell>
        </row>
        <row r="58">
          <cell r="C58" t="str">
            <v>コスモス</v>
          </cell>
        </row>
        <row r="59">
          <cell r="C59" t="str">
            <v>サニータウン・TYK</v>
          </cell>
        </row>
        <row r="60">
          <cell r="C60" t="str">
            <v>ザバススポーツクラブデルタインドアテニススクール</v>
          </cell>
        </row>
        <row r="61">
          <cell r="C61" t="str">
            <v>三庭会</v>
          </cell>
        </row>
        <row r="62">
          <cell r="C62" t="str">
            <v>サンライズTC</v>
          </cell>
        </row>
        <row r="63">
          <cell r="C63" t="str">
            <v>サンライズTC・ETA</v>
          </cell>
        </row>
        <row r="64">
          <cell r="C64" t="str">
            <v>芝谷中PTA</v>
          </cell>
        </row>
        <row r="65">
          <cell r="C65" t="str">
            <v>島本町</v>
          </cell>
        </row>
        <row r="66">
          <cell r="C66" t="str">
            <v>白川同好会</v>
          </cell>
        </row>
        <row r="67">
          <cell r="C67" t="str">
            <v>新体連高槻</v>
          </cell>
        </row>
        <row r="68">
          <cell r="C68" t="str">
            <v>吹田市</v>
          </cell>
        </row>
        <row r="69">
          <cell r="C69" t="str">
            <v>住化MEC</v>
          </cell>
        </row>
        <row r="70">
          <cell r="C70" t="str">
            <v>すずらん</v>
          </cell>
        </row>
        <row r="71">
          <cell r="C71" t="str">
            <v>摂津市</v>
          </cell>
        </row>
        <row r="72">
          <cell r="C72" t="str">
            <v>千里丘倶楽部</v>
          </cell>
        </row>
        <row r="73">
          <cell r="C73" t="str">
            <v>千里丘倶楽部・サニータウンＴＣ</v>
          </cell>
        </row>
        <row r="74">
          <cell r="C74" t="str">
            <v>ターンテーブル</v>
          </cell>
        </row>
        <row r="75">
          <cell r="C75" t="str">
            <v>第一製薬</v>
          </cell>
        </row>
        <row r="76">
          <cell r="C76" t="str">
            <v>タイガーヘッドTC</v>
          </cell>
        </row>
        <row r="77">
          <cell r="C77" t="str">
            <v>大丸TS</v>
          </cell>
        </row>
        <row r="78">
          <cell r="C78" t="str">
            <v>タイユテニス</v>
          </cell>
        </row>
        <row r="79">
          <cell r="C79" t="str">
            <v>高槻1中PTA</v>
          </cell>
        </row>
        <row r="80">
          <cell r="C80" t="str">
            <v>高槻2中PTA</v>
          </cell>
        </row>
        <row r="81">
          <cell r="C81" t="str">
            <v>高槻ＴＣ</v>
          </cell>
        </row>
        <row r="82">
          <cell r="C82" t="str">
            <v>高槻市役所</v>
          </cell>
        </row>
        <row r="83">
          <cell r="C83" t="str">
            <v>チームＢ７</v>
          </cell>
        </row>
        <row r="84">
          <cell r="C84" t="str">
            <v>チームＴＴ</v>
          </cell>
        </row>
        <row r="85">
          <cell r="C85" t="str">
            <v>チームＹＳＡ</v>
          </cell>
        </row>
        <row r="86">
          <cell r="C86" t="str">
            <v>チームＹＳＡ・ 千里丘倶楽部</v>
          </cell>
        </row>
        <row r="87">
          <cell r="C87" t="str">
            <v>チームＹＳＡ・ＥＴＡ</v>
          </cell>
        </row>
        <row r="88">
          <cell r="C88" t="str">
            <v>チーム阿武山</v>
          </cell>
        </row>
        <row r="89">
          <cell r="C89" t="str">
            <v>チーム阿武山・G&amp;B</v>
          </cell>
        </row>
        <row r="90">
          <cell r="C90" t="str">
            <v>チャレンジ</v>
          </cell>
        </row>
        <row r="91">
          <cell r="C91" t="str">
            <v>ちゅん＆りんTC</v>
          </cell>
        </row>
        <row r="92">
          <cell r="C92" t="str">
            <v>テッシーズ</v>
          </cell>
        </row>
        <row r="93">
          <cell r="C93" t="str">
            <v>テニスショップ plus</v>
          </cell>
        </row>
        <row r="94">
          <cell r="C94" t="str">
            <v>テニスリング</v>
          </cell>
        </row>
        <row r="95">
          <cell r="C95" t="str">
            <v>東洋製罐</v>
          </cell>
        </row>
        <row r="96">
          <cell r="C96" t="str">
            <v>徳秀苑庭球倶楽部</v>
          </cell>
        </row>
        <row r="97">
          <cell r="C97" t="str">
            <v>にのうみ</v>
          </cell>
        </row>
        <row r="98">
          <cell r="C98" t="str">
            <v>ノースマウンテンＲ・Ｔ・Ｃ</v>
          </cell>
        </row>
        <row r="99">
          <cell r="C99" t="str">
            <v>ハゲッチ</v>
          </cell>
        </row>
        <row r="100">
          <cell r="C100" t="str">
            <v>ハッピーリターン</v>
          </cell>
        </row>
        <row r="101">
          <cell r="C101" t="str">
            <v>ひよこクラブ・ZERO</v>
          </cell>
        </row>
        <row r="102">
          <cell r="C102" t="str">
            <v>日吉台</v>
          </cell>
        </row>
        <row r="103">
          <cell r="C103" t="str">
            <v>ぶつかり稽古</v>
          </cell>
        </row>
        <row r="104">
          <cell r="C104" t="str">
            <v>ブルーS</v>
          </cell>
        </row>
        <row r="105">
          <cell r="C105" t="str">
            <v>フレンズ</v>
          </cell>
        </row>
        <row r="106">
          <cell r="C106" t="str">
            <v>ヘーゼルナッツチョコレート</v>
          </cell>
        </row>
        <row r="107">
          <cell r="C107" t="str">
            <v>松下電子</v>
          </cell>
        </row>
        <row r="108">
          <cell r="C108" t="str">
            <v>水無瀬GTC</v>
          </cell>
        </row>
        <row r="109">
          <cell r="C109" t="str">
            <v>水無瀬GTC・ETA</v>
          </cell>
        </row>
        <row r="110">
          <cell r="C110" t="str">
            <v>明治製菓</v>
          </cell>
        </row>
        <row r="111">
          <cell r="C111" t="str">
            <v>もっさん</v>
          </cell>
        </row>
        <row r="112">
          <cell r="C112" t="str">
            <v>ユアサ</v>
          </cell>
        </row>
        <row r="113">
          <cell r="C113" t="str">
            <v>四次元ポケット</v>
          </cell>
        </row>
        <row r="114">
          <cell r="C114" t="str">
            <v>ラバーズコレクション</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種目"/>
      <sheetName val="受付表"/>
      <sheetName val="Ｗ３２-1"/>
      <sheetName val="Ｗ３２－２"/>
      <sheetName val="H26シングルスMA-T"/>
      <sheetName val="Ｓ３２－１"/>
      <sheetName val="Ｓ３２－２ "/>
      <sheetName val="団体戦"/>
      <sheetName val="24L4X4X4X4X4X4"/>
      <sheetName val="20L4X4X4X4X4 "/>
      <sheetName val="18L3X3X3X3X3X3"/>
      <sheetName val="15L3X3X3X3X3"/>
      <sheetName val="24L3X8"/>
      <sheetName val="28L3X4X3X4X4X3X4X3"/>
      <sheetName val="32抽選 "/>
    </sheetNames>
    <sheetDataSet>
      <sheetData sheetId="0" refreshError="1"/>
      <sheetData sheetId="1" refreshError="1"/>
      <sheetData sheetId="2" refreshError="1"/>
      <sheetData sheetId="3" refreshError="1"/>
      <sheetData sheetId="4"/>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sheetData sheetId="14"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種目"/>
      <sheetName val="受付表"/>
      <sheetName val="Ｗ１６"/>
      <sheetName val="Ｓ１６"/>
      <sheetName val="L5X5 N"/>
      <sheetName val="L5X4 N "/>
      <sheetName val="L5X5X5 N"/>
      <sheetName val="L5X5X4 N"/>
      <sheetName val="L5X4X4 N "/>
      <sheetName val="L4X4X4 N "/>
      <sheetName val="L4X4X3 N "/>
      <sheetName val="L4X3X3 N  "/>
      <sheetName val="L3X3X3 N "/>
      <sheetName val="16抽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XXXXX"/>
      <sheetName val="laroux"/>
      <sheetName val="補助金"/>
      <sheetName val="会計簿"/>
      <sheetName val="収支予算書（本年度）"/>
      <sheetName val="収支決算書（提出用）"/>
      <sheetName val="収支決算書（連盟控）"/>
      <sheetName val="収支決算（総会用）"/>
      <sheetName val="収支予算書（次年度）"/>
      <sheetName val="大会別収支"/>
      <sheetName val="xxxxxxxxx"/>
      <sheetName val="収Ⅰ-1-(1)登録料収入"/>
      <sheetName val="収Ⅰ-1-(2)参加料収入"/>
      <sheetName val="収Ⅰ-1-(3)その他の事業収入"/>
      <sheetName val="収Ⅰ-2-(1)事業補助金収入"/>
      <sheetName val="収Ⅰ-2-(2)総体補助金収入"/>
      <sheetName val="収Ⅰ-3雑収入"/>
      <sheetName val="支Ⅰ-1-(1)府関係費"/>
      <sheetName val="支Ⅰ-1-(2)地区関係費"/>
      <sheetName val="支Ⅰ-1-(3)大阪府総体費"/>
      <sheetName val="支Ⅰ-1-(4)三島地区・総体費"/>
      <sheetName val="支Ⅰ-1-(5)その他上部団体費"/>
      <sheetName val="支Ⅰ-2-(1)役員手当（大会）"/>
      <sheetName val="支Ⅰ-2-(2)審判手当（大会）"/>
      <sheetName val="支Ⅰ-2-(3)会議費（大会）"/>
      <sheetName val="支Ⅰ-2-(4)旅費交通費（大会）"/>
      <sheetName val="支Ⅰ-2-(5)通信運搬費（大会）"/>
      <sheetName val="支Ⅰ-2-(6)消耗品費（大会）"/>
      <sheetName val="支Ⅰ-2-(7)食糧費（大会）"/>
      <sheetName val="支Ⅰ-2-(8)印刷製本費（大会）"/>
      <sheetName val="支Ⅰ-2-(9)用具費（大会）"/>
      <sheetName val="支Ⅰ-2-(10)賞品費（大会）"/>
      <sheetName val="支Ⅰ-2-(11)参加賞費（大会）"/>
      <sheetName val="支Ⅰ-2-(12)賃借料（有料施設）（大会）"/>
      <sheetName val="支Ⅰ-2-(12)賃借料（付属器具）（大会）"/>
      <sheetName val="支Ⅰ-2-(13)保険料（大会）"/>
      <sheetName val="支Ⅰ-2-(14)諸謝金（大会）"/>
      <sheetName val="支Ⅰ-2-(15)その他諸経費（大会）"/>
      <sheetName val="支Ⅰ-3-(1)役員手当（教室）"/>
      <sheetName val="支Ⅰ-3-(2)講師謝礼（教室）"/>
      <sheetName val="支Ⅰ-3-(3)会議費（教室）"/>
      <sheetName val="支Ⅰ-3-(4)旅費交通費（教室）"/>
      <sheetName val="支Ⅰ-3-(5)通信運搬費（教室）"/>
      <sheetName val="支Ⅰ-3-(6)消耗品費（教室）"/>
      <sheetName val="支Ⅰ-3-(7)食料費（教室）"/>
      <sheetName val="支Ⅰ-3-(8)印刷製本費（教室）"/>
      <sheetName val="支Ⅰ-3-(9)用具費（教室）"/>
      <sheetName val="支Ⅰ-3-(10)参加賞費（教室）"/>
      <sheetName val="支Ⅰ-3-(11)賃借料（有料施設）（教室）"/>
      <sheetName val="支Ⅰ-3-(11)賃借料（付属器具）（教室）"/>
      <sheetName val="支Ⅰ-3-(12)保険料（教室）"/>
      <sheetName val="支Ⅰ-3-(13)諸謝金（教室）"/>
      <sheetName val="支Ⅰ-3-(14)その他諸経費（教室）"/>
      <sheetName val="支Ⅰ-4-(1)役員手当（連盟）"/>
      <sheetName val="支Ⅰ-4-(2)貸金手当（連盟）"/>
      <sheetName val="支Ⅰ-4-(3)会議費（連盟）"/>
      <sheetName val="支Ⅰ-4-(4)旅費交通費（連盟）"/>
      <sheetName val="支Ⅰ-4-(5)通信運搬費（連盟）"/>
      <sheetName val="支Ⅰ-4-(6)消耗品費（連盟）"/>
      <sheetName val="支Ⅰ-4-(7)食料費（連盟）"/>
      <sheetName val="支Ⅰ-4-(8)修繕費（連盟）"/>
      <sheetName val="支Ⅰ-4-(9)印刷製本費（連盟）"/>
      <sheetName val="支Ⅰ-4-(10)賃借料（連盟）"/>
      <sheetName val="支Ⅰ-4-(11)保険料（連盟）"/>
      <sheetName val="支Ⅰ-4-(12)慶弔費（連盟）"/>
      <sheetName val="支Ⅰ-4-(13)諸謝金（連盟）"/>
      <sheetName val="支Ⅰ-4-(14)その他諸経費（連盟）"/>
      <sheetName val="支Ⅰ-5その他事業支出"/>
      <sheetName val="支Ⅰ-6積立金支出"/>
      <sheetName val="支Ⅰ-7借入金返済支出"/>
      <sheetName val="支Ⅰ-8予備費"/>
    </sheetNames>
    <sheetDataSet>
      <sheetData sheetId="0"/>
      <sheetData sheetId="1" refreshError="1"/>
      <sheetData sheetId="2"/>
      <sheetData sheetId="3">
        <row r="4">
          <cell r="E4" t="str">
            <v>科                 　目</v>
          </cell>
          <cell r="H4" t="str">
            <v>収 入 金 額</v>
          </cell>
          <cell r="I4" t="str">
            <v>支 払 金 額</v>
          </cell>
        </row>
        <row r="5">
          <cell r="E5" t="str">
            <v xml:space="preserve">  Ⅱ 前 期 繰 越 収 支 差 額</v>
          </cell>
          <cell r="H5">
            <v>30862</v>
          </cell>
        </row>
        <row r="6">
          <cell r="E6" t="str">
            <v>登録料</v>
          </cell>
          <cell r="H6">
            <v>180000</v>
          </cell>
        </row>
        <row r="7">
          <cell r="E7" t="str">
            <v>追加登録料</v>
          </cell>
          <cell r="H7">
            <v>21200</v>
          </cell>
        </row>
        <row r="8">
          <cell r="E8" t="str">
            <v>社会人大会（参加料）</v>
          </cell>
          <cell r="H8">
            <v>315000</v>
          </cell>
        </row>
        <row r="9">
          <cell r="E9" t="str">
            <v xml:space="preserve">    (３) 会 議 費（大会）</v>
          </cell>
          <cell r="I9">
            <v>8704</v>
          </cell>
        </row>
        <row r="10">
          <cell r="E10" t="str">
            <v xml:space="preserve">    (2) 地 区 関 係 費</v>
          </cell>
          <cell r="I10">
            <v>10000</v>
          </cell>
        </row>
        <row r="11">
          <cell r="E11" t="str">
            <v xml:space="preserve">    (５) 通 信 運 搬 費（連盟管理）</v>
          </cell>
          <cell r="I11">
            <v>1260</v>
          </cell>
        </row>
        <row r="12">
          <cell r="E12" t="str">
            <v>追加登録料</v>
          </cell>
          <cell r="H12">
            <v>1000</v>
          </cell>
        </row>
        <row r="13">
          <cell r="E13" t="str">
            <v>混合ダブルス大会（参加料）</v>
          </cell>
          <cell r="H13">
            <v>153000</v>
          </cell>
        </row>
        <row r="14">
          <cell r="E14" t="str">
            <v>社会人大会（役員手当）</v>
          </cell>
          <cell r="I14">
            <v>40000</v>
          </cell>
        </row>
        <row r="15">
          <cell r="E15" t="str">
            <v>社会人大会（食料費）</v>
          </cell>
          <cell r="I15">
            <v>17244</v>
          </cell>
        </row>
        <row r="16">
          <cell r="E16" t="str">
            <v xml:space="preserve">    (４) 旅 費 交 通 費（大会）</v>
          </cell>
          <cell r="I16">
            <v>3100</v>
          </cell>
        </row>
        <row r="17">
          <cell r="E17" t="str">
            <v xml:space="preserve">  ８．予 備 費</v>
          </cell>
          <cell r="I17">
            <v>11370</v>
          </cell>
        </row>
        <row r="18">
          <cell r="E18" t="str">
            <v>社会人大会（賞品費）</v>
          </cell>
          <cell r="I18">
            <v>147000</v>
          </cell>
        </row>
        <row r="19">
          <cell r="E19" t="str">
            <v xml:space="preserve">    (３) 会 議 費（大会）</v>
          </cell>
          <cell r="I19">
            <v>5648</v>
          </cell>
        </row>
        <row r="20">
          <cell r="E20" t="str">
            <v>追加登録料</v>
          </cell>
          <cell r="H20">
            <v>200</v>
          </cell>
        </row>
        <row r="21">
          <cell r="E21" t="str">
            <v xml:space="preserve">    (１２) 慶 弔 費（連盟管理）</v>
          </cell>
          <cell r="I21">
            <v>24700</v>
          </cell>
        </row>
        <row r="22">
          <cell r="E22" t="str">
            <v xml:space="preserve">    (1) 府 関 係 費</v>
          </cell>
          <cell r="I22">
            <v>60630</v>
          </cell>
        </row>
        <row r="23">
          <cell r="E23" t="str">
            <v>ジュニア大会（有料施設利用料）</v>
          </cell>
          <cell r="I23">
            <v>20000</v>
          </cell>
        </row>
        <row r="24">
          <cell r="E24" t="str">
            <v>ジュニア大会（付属器具利用料）</v>
          </cell>
          <cell r="I24">
            <v>1200</v>
          </cell>
        </row>
        <row r="25">
          <cell r="E25" t="str">
            <v>ジュニア教室（有料施設利用料）</v>
          </cell>
          <cell r="I25">
            <v>12000</v>
          </cell>
        </row>
        <row r="26">
          <cell r="E26" t="str">
            <v xml:space="preserve">    (４) 旅 費 交 通 費（大会）</v>
          </cell>
          <cell r="I26">
            <v>1100</v>
          </cell>
        </row>
        <row r="27">
          <cell r="E27" t="str">
            <v xml:space="preserve">    (５) 通 信 運 搬 費（連盟管理）</v>
          </cell>
          <cell r="I27">
            <v>1901</v>
          </cell>
        </row>
        <row r="28">
          <cell r="E28" t="str">
            <v xml:space="preserve">    (５) 通 信 運 搬 費（連盟管理）</v>
          </cell>
          <cell r="I28">
            <v>4200</v>
          </cell>
        </row>
        <row r="29">
          <cell r="E29" t="str">
            <v xml:space="preserve">    (４) 旅 費 交 通 費（大会）</v>
          </cell>
          <cell r="I29">
            <v>1800</v>
          </cell>
        </row>
        <row r="30">
          <cell r="E30" t="str">
            <v xml:space="preserve"> 雑収入（一般）</v>
          </cell>
          <cell r="H30">
            <v>1500</v>
          </cell>
        </row>
        <row r="31">
          <cell r="E31" t="str">
            <v xml:space="preserve">    (６) 消 耗 品 費（連盟管理）</v>
          </cell>
          <cell r="I31">
            <v>1550</v>
          </cell>
        </row>
        <row r="32">
          <cell r="E32" t="str">
            <v xml:space="preserve">    (６) 消 耗 品 費（連盟管理）</v>
          </cell>
          <cell r="I32">
            <v>1940</v>
          </cell>
        </row>
        <row r="33">
          <cell r="E33" t="str">
            <v xml:space="preserve">    (３) 会 議 費（連盟管理）</v>
          </cell>
          <cell r="I33">
            <v>22450</v>
          </cell>
        </row>
        <row r="34">
          <cell r="E34" t="str">
            <v xml:space="preserve">    (５) 通 信 運 搬 費（連盟管理）</v>
          </cell>
          <cell r="I34">
            <v>9040</v>
          </cell>
        </row>
        <row r="35">
          <cell r="E35" t="str">
            <v>新人戦大会（参加料）</v>
          </cell>
          <cell r="H35">
            <v>159000</v>
          </cell>
        </row>
        <row r="36">
          <cell r="E36" t="str">
            <v>追加登録料</v>
          </cell>
          <cell r="H36">
            <v>600</v>
          </cell>
        </row>
        <row r="37">
          <cell r="E37" t="str">
            <v xml:space="preserve">    (６) 消 耗 品 費（大会）</v>
          </cell>
          <cell r="I37">
            <v>124200</v>
          </cell>
        </row>
        <row r="38">
          <cell r="E38" t="str">
            <v xml:space="preserve">    (３) 会 議 費（連盟管理）</v>
          </cell>
          <cell r="I38">
            <v>7900</v>
          </cell>
        </row>
        <row r="39">
          <cell r="E39" t="str">
            <v xml:space="preserve">    (６) 消 耗 品 費（連盟管理）</v>
          </cell>
          <cell r="I39">
            <v>6310</v>
          </cell>
        </row>
        <row r="40">
          <cell r="E40" t="str">
            <v>社会人大会（有料施設利用料）</v>
          </cell>
          <cell r="I40">
            <v>36000</v>
          </cell>
        </row>
        <row r="41">
          <cell r="E41" t="str">
            <v>社会人大会（付属器具利用料）</v>
          </cell>
          <cell r="I41">
            <v>1600</v>
          </cell>
        </row>
        <row r="42">
          <cell r="E42" t="str">
            <v>一般教室（有料施設利用料）</v>
          </cell>
          <cell r="I42">
            <v>12000</v>
          </cell>
        </row>
        <row r="43">
          <cell r="E43" t="str">
            <v>ジュニア教室（有料施設利用料）</v>
          </cell>
          <cell r="I43">
            <v>14000</v>
          </cell>
        </row>
        <row r="44">
          <cell r="E44" t="str">
            <v xml:space="preserve">    (３) 会 議 費（大会）</v>
          </cell>
          <cell r="I44">
            <v>6709</v>
          </cell>
        </row>
        <row r="45">
          <cell r="E45" t="str">
            <v xml:space="preserve">    (５) 通 信 運 搬 費（連盟管理）</v>
          </cell>
          <cell r="I45">
            <v>1882</v>
          </cell>
        </row>
        <row r="46">
          <cell r="E46" t="str">
            <v xml:space="preserve">    (５) 通 信 運 搬 費（連盟管理）</v>
          </cell>
          <cell r="I46">
            <v>4200</v>
          </cell>
        </row>
        <row r="47">
          <cell r="E47" t="str">
            <v>混合ダブルス大会（役員手当）</v>
          </cell>
          <cell r="I47">
            <v>40000</v>
          </cell>
        </row>
        <row r="48">
          <cell r="E48" t="str">
            <v>混合ダブルス大会（食料費）</v>
          </cell>
          <cell r="I48">
            <v>11864</v>
          </cell>
        </row>
        <row r="49">
          <cell r="E49" t="str">
            <v xml:space="preserve">    (４) 旅 費 交 通 費（大会）</v>
          </cell>
          <cell r="I49">
            <v>2400</v>
          </cell>
        </row>
        <row r="50">
          <cell r="E50" t="str">
            <v xml:space="preserve">    (５) 通 信 運 搬 費（連盟管理）</v>
          </cell>
          <cell r="I50">
            <v>2940</v>
          </cell>
        </row>
        <row r="51">
          <cell r="E51" t="str">
            <v xml:space="preserve"> 雑収入（一般）</v>
          </cell>
          <cell r="H51">
            <v>5000</v>
          </cell>
        </row>
        <row r="52">
          <cell r="E52" t="str">
            <v xml:space="preserve">    (2) 地 区 関 係 費</v>
          </cell>
          <cell r="I52">
            <v>140284</v>
          </cell>
        </row>
        <row r="53">
          <cell r="E53" t="str">
            <v>　  (４) 積立金取崩収入</v>
          </cell>
          <cell r="H53">
            <v>100000</v>
          </cell>
        </row>
        <row r="54">
          <cell r="E54" t="str">
            <v>　  (４) 積立金取崩収入</v>
          </cell>
          <cell r="H54">
            <v>100000</v>
          </cell>
        </row>
        <row r="55">
          <cell r="E55" t="str">
            <v xml:space="preserve">    (５) 通 信 運 搬 費（連盟管理）</v>
          </cell>
          <cell r="I55">
            <v>5600</v>
          </cell>
        </row>
        <row r="56">
          <cell r="E56" t="str">
            <v xml:space="preserve">    (６) 消 耗 品 費（連盟管理）</v>
          </cell>
          <cell r="I56">
            <v>4268</v>
          </cell>
        </row>
        <row r="57">
          <cell r="E57" t="str">
            <v xml:space="preserve">    (2) 地 区 関 係 費</v>
          </cell>
          <cell r="I57">
            <v>1100</v>
          </cell>
        </row>
        <row r="58">
          <cell r="E58" t="str">
            <v>新人戦大会（役員手当）</v>
          </cell>
          <cell r="I58">
            <v>40000</v>
          </cell>
        </row>
        <row r="59">
          <cell r="E59" t="str">
            <v>新人戦大会（食料費）</v>
          </cell>
          <cell r="I59">
            <v>10838</v>
          </cell>
        </row>
        <row r="60">
          <cell r="E60" t="str">
            <v xml:space="preserve">    (４) 旅 費 交 通 費（大会）</v>
          </cell>
          <cell r="I60">
            <v>4900</v>
          </cell>
        </row>
        <row r="61">
          <cell r="E61" t="str">
            <v xml:space="preserve">    (６) 消 耗 品 費（連盟管理）</v>
          </cell>
          <cell r="I61">
            <v>2462</v>
          </cell>
        </row>
        <row r="62">
          <cell r="E62" t="str">
            <v xml:space="preserve"> 雑収入（一般）</v>
          </cell>
          <cell r="H62">
            <v>6000</v>
          </cell>
        </row>
        <row r="63">
          <cell r="E63" t="str">
            <v>混合ダブルス大会（有料施設利用料）</v>
          </cell>
          <cell r="I63">
            <v>20250</v>
          </cell>
        </row>
        <row r="64">
          <cell r="E64" t="str">
            <v>混合ダブルス大会（付属器具利用料）</v>
          </cell>
          <cell r="I64">
            <v>900</v>
          </cell>
        </row>
        <row r="65">
          <cell r="E65" t="str">
            <v>一般教室（有料施設利用料）</v>
          </cell>
          <cell r="I65">
            <v>7500</v>
          </cell>
        </row>
        <row r="66">
          <cell r="E66" t="str">
            <v>ジュニア教室（有料施設利用料）</v>
          </cell>
          <cell r="I66">
            <v>11500</v>
          </cell>
        </row>
        <row r="67">
          <cell r="E67" t="str">
            <v>　  (４) 積立金取崩収入</v>
          </cell>
          <cell r="H67">
            <v>200000</v>
          </cell>
        </row>
        <row r="68">
          <cell r="E68" t="str">
            <v>テニス教室（一般）（参加料）</v>
          </cell>
          <cell r="H68">
            <v>887000</v>
          </cell>
        </row>
        <row r="69">
          <cell r="E69" t="str">
            <v xml:space="preserve"> 雑収入（教室一般）</v>
          </cell>
          <cell r="H69">
            <v>237</v>
          </cell>
        </row>
        <row r="70">
          <cell r="E70" t="str">
            <v>一般教室（講師謝礼）</v>
          </cell>
          <cell r="I70">
            <v>821000</v>
          </cell>
        </row>
        <row r="71">
          <cell r="E71" t="str">
            <v>一般教室（消耗品費）</v>
          </cell>
          <cell r="I71">
            <v>3885</v>
          </cell>
        </row>
        <row r="72">
          <cell r="E72" t="str">
            <v xml:space="preserve">    (３) 会 議 費（教室）</v>
          </cell>
          <cell r="I72">
            <v>2900</v>
          </cell>
        </row>
        <row r="73">
          <cell r="E73" t="str">
            <v>一般教室（参加賞費）</v>
          </cell>
          <cell r="I73">
            <v>7875</v>
          </cell>
        </row>
        <row r="74">
          <cell r="E74" t="str">
            <v xml:space="preserve">    (2) 地 区 関 係 費</v>
          </cell>
          <cell r="I74">
            <v>78000</v>
          </cell>
        </row>
        <row r="75">
          <cell r="E75" t="str">
            <v>　  　  （府 三 総 体 担 当 収 入）</v>
          </cell>
          <cell r="H75">
            <v>35000</v>
          </cell>
        </row>
        <row r="76">
          <cell r="E76" t="str">
            <v xml:space="preserve">    (４) 三 島 地 区 ・ 総 体 費</v>
          </cell>
          <cell r="I76">
            <v>34000</v>
          </cell>
        </row>
        <row r="77">
          <cell r="E77" t="str">
            <v xml:space="preserve">    (４) 三 島 地 区 ・ 総 体 費</v>
          </cell>
          <cell r="I77">
            <v>5688</v>
          </cell>
        </row>
        <row r="78">
          <cell r="E78" t="str">
            <v xml:space="preserve">    (４) 三 島 地 区 ・ 総 体 費</v>
          </cell>
          <cell r="I78">
            <v>66000</v>
          </cell>
        </row>
        <row r="79">
          <cell r="E79" t="str">
            <v xml:space="preserve">    (４) 三 島 地 区 ・ 総 体 費</v>
          </cell>
          <cell r="I79">
            <v>13871</v>
          </cell>
        </row>
        <row r="80">
          <cell r="E80" t="str">
            <v xml:space="preserve">    (４) 三 島 地 区 ・ 総 体 費</v>
          </cell>
          <cell r="I80">
            <v>2500</v>
          </cell>
        </row>
        <row r="81">
          <cell r="E81" t="str">
            <v xml:space="preserve">    (４) 旅 費 交 通 費（大会）</v>
          </cell>
          <cell r="I81">
            <v>1400</v>
          </cell>
        </row>
        <row r="82">
          <cell r="E82" t="str">
            <v xml:space="preserve">    (１４) そ の 他 諸 経 費（連盟管理）</v>
          </cell>
          <cell r="I82">
            <v>10000</v>
          </cell>
        </row>
        <row r="83">
          <cell r="E83" t="str">
            <v>新人戦大会（有料施設利用料）</v>
          </cell>
          <cell r="I83">
            <v>25000</v>
          </cell>
        </row>
        <row r="84">
          <cell r="E84" t="str">
            <v>新人戦大会（付属器具利用料）</v>
          </cell>
          <cell r="I84">
            <v>1900</v>
          </cell>
        </row>
        <row r="85">
          <cell r="E85" t="str">
            <v>一般教室（有料施設利用料）</v>
          </cell>
          <cell r="I85">
            <v>10500</v>
          </cell>
        </row>
        <row r="86">
          <cell r="E86" t="str">
            <v>ジュニア教室（有料施設利用料）</v>
          </cell>
          <cell r="I86">
            <v>14000</v>
          </cell>
        </row>
        <row r="87">
          <cell r="E87" t="str">
            <v xml:space="preserve">    (６) 消 耗 品 費（連盟管理）</v>
          </cell>
          <cell r="I87">
            <v>714</v>
          </cell>
        </row>
        <row r="88">
          <cell r="E88" t="str">
            <v>登録料</v>
          </cell>
          <cell r="H88">
            <v>5000</v>
          </cell>
        </row>
        <row r="89">
          <cell r="E89" t="str">
            <v>追加登録料</v>
          </cell>
          <cell r="H89">
            <v>11000</v>
          </cell>
        </row>
        <row r="90">
          <cell r="E90" t="str">
            <v>加盟団体戦大会（参加料）</v>
          </cell>
          <cell r="H90">
            <v>324000</v>
          </cell>
        </row>
        <row r="91">
          <cell r="E91" t="str">
            <v>　  (１) 事 業 補 助 金 収 入</v>
          </cell>
          <cell r="H91">
            <v>575690</v>
          </cell>
        </row>
        <row r="92">
          <cell r="E92" t="str">
            <v xml:space="preserve">    (５) そ  の  他  上部団体費 </v>
          </cell>
          <cell r="I92">
            <v>140000</v>
          </cell>
        </row>
        <row r="93">
          <cell r="E93" t="str">
            <v>Jr.施設コート代</v>
          </cell>
          <cell r="I93">
            <v>22000</v>
          </cell>
        </row>
        <row r="94">
          <cell r="E94" t="str">
            <v>Jr.施設備品代</v>
          </cell>
          <cell r="I94">
            <v>1890</v>
          </cell>
        </row>
        <row r="95">
          <cell r="E95" t="str">
            <v>ジュニア教室（有料施設利用料）</v>
          </cell>
          <cell r="I95">
            <v>19250</v>
          </cell>
        </row>
        <row r="96">
          <cell r="E96" t="str">
            <v xml:space="preserve">  　(3) 受取利息収入</v>
          </cell>
          <cell r="H96">
            <v>21</v>
          </cell>
        </row>
        <row r="97">
          <cell r="E97" t="str">
            <v xml:space="preserve">    (３) 会 議 費（大会）</v>
          </cell>
          <cell r="I97">
            <v>5640</v>
          </cell>
        </row>
        <row r="98">
          <cell r="E98" t="str">
            <v>混合ダブルス大会（賞品費）</v>
          </cell>
          <cell r="I98">
            <v>16800</v>
          </cell>
        </row>
        <row r="99">
          <cell r="E99" t="str">
            <v xml:space="preserve">    (３) 大 阪 府 総 体 費</v>
          </cell>
          <cell r="I99">
            <v>63000</v>
          </cell>
        </row>
        <row r="100">
          <cell r="E100" t="str">
            <v xml:space="preserve">    (３) 大 阪 府 総 体 費</v>
          </cell>
          <cell r="I100">
            <v>24000</v>
          </cell>
        </row>
        <row r="101">
          <cell r="E101" t="str">
            <v xml:space="preserve">    (３) 大 阪 府 総 体 費</v>
          </cell>
          <cell r="I101">
            <v>11184</v>
          </cell>
        </row>
        <row r="102">
          <cell r="E102" t="str">
            <v xml:space="preserve">    (１１) 保 険 料（連盟管理）</v>
          </cell>
          <cell r="I102">
            <v>49701</v>
          </cell>
        </row>
        <row r="103">
          <cell r="E103" t="str">
            <v>加盟団体戦大会（賞品費）</v>
          </cell>
          <cell r="I103">
            <v>64344</v>
          </cell>
        </row>
        <row r="104">
          <cell r="E104" t="str">
            <v xml:space="preserve">    (６) 消 耗 品 費（大会）</v>
          </cell>
          <cell r="I104">
            <v>153600</v>
          </cell>
        </row>
        <row r="105">
          <cell r="E105" t="str">
            <v xml:space="preserve">    (５) 通 信 運 搬 費（連盟管理）</v>
          </cell>
          <cell r="I105">
            <v>3326</v>
          </cell>
        </row>
        <row r="106">
          <cell r="E106" t="str">
            <v>登録料</v>
          </cell>
          <cell r="H106">
            <v>10000</v>
          </cell>
        </row>
        <row r="107">
          <cell r="E107" t="str">
            <v>追加登録料</v>
          </cell>
          <cell r="H107">
            <v>7800</v>
          </cell>
        </row>
        <row r="108">
          <cell r="E108" t="str">
            <v>市長杯大会（参加料）</v>
          </cell>
          <cell r="H108">
            <v>441000</v>
          </cell>
        </row>
        <row r="109">
          <cell r="E109" t="str">
            <v>市長杯大会（参加料）</v>
          </cell>
          <cell r="H109">
            <v>4000</v>
          </cell>
        </row>
        <row r="110">
          <cell r="E110" t="str">
            <v>　  (４) 積立金取崩収入</v>
          </cell>
          <cell r="H110">
            <v>-400000</v>
          </cell>
        </row>
        <row r="111">
          <cell r="E111" t="str">
            <v xml:space="preserve"> 雑収入（一般）</v>
          </cell>
          <cell r="H111">
            <v>5000</v>
          </cell>
        </row>
        <row r="112">
          <cell r="E112" t="str">
            <v>加盟団体戦大会（役員手当）</v>
          </cell>
          <cell r="I112">
            <v>40000</v>
          </cell>
        </row>
        <row r="113">
          <cell r="E113" t="str">
            <v>加盟団体戦大会（食料費）</v>
          </cell>
          <cell r="I113">
            <v>15451</v>
          </cell>
        </row>
        <row r="114">
          <cell r="E114" t="str">
            <v xml:space="preserve">    (４) 旅 費 交 通 費（大会）</v>
          </cell>
          <cell r="I114">
            <v>8900</v>
          </cell>
        </row>
        <row r="115">
          <cell r="E115" t="str">
            <v>テニスの日（参加料）</v>
          </cell>
          <cell r="H115">
            <v>16000</v>
          </cell>
        </row>
        <row r="116">
          <cell r="E116" t="str">
            <v>テニスの日（役員手当）</v>
          </cell>
          <cell r="I116">
            <v>13000</v>
          </cell>
        </row>
        <row r="117">
          <cell r="E117" t="str">
            <v>テニスの日（食料費）</v>
          </cell>
          <cell r="I117">
            <v>6273</v>
          </cell>
        </row>
        <row r="118">
          <cell r="E118" t="str">
            <v xml:space="preserve">    (４) 旅 費 交 通 費（大会）</v>
          </cell>
          <cell r="I118">
            <v>1000</v>
          </cell>
        </row>
        <row r="119">
          <cell r="E119" t="str">
            <v xml:space="preserve">    (３) 会 議 費（大会）</v>
          </cell>
          <cell r="I119">
            <v>5668</v>
          </cell>
        </row>
        <row r="120">
          <cell r="E120" t="str">
            <v>ジュニアサテライト参加料</v>
          </cell>
          <cell r="H120">
            <v>378000</v>
          </cell>
        </row>
        <row r="121">
          <cell r="E121" t="str">
            <v>Jr.賞品代</v>
          </cell>
          <cell r="I121">
            <v>27342</v>
          </cell>
        </row>
        <row r="122">
          <cell r="E122" t="str">
            <v>Jr.賞品代</v>
          </cell>
          <cell r="I122">
            <v>2760</v>
          </cell>
        </row>
        <row r="123">
          <cell r="E123" t="str">
            <v>Jr.ボール代</v>
          </cell>
          <cell r="I123">
            <v>52920</v>
          </cell>
        </row>
        <row r="124">
          <cell r="E124" t="str">
            <v>Jr.役員手当</v>
          </cell>
          <cell r="I124">
            <v>76000</v>
          </cell>
        </row>
        <row r="125">
          <cell r="E125" t="str">
            <v>Jr.食料費</v>
          </cell>
          <cell r="I125">
            <v>26898</v>
          </cell>
        </row>
        <row r="126">
          <cell r="E126" t="str">
            <v>Jr.駐車料</v>
          </cell>
          <cell r="I126">
            <v>11200</v>
          </cell>
        </row>
        <row r="127">
          <cell r="E127" t="str">
            <v xml:space="preserve">    (５) 通 信 運 搬 費（連盟管理）</v>
          </cell>
          <cell r="I127">
            <v>3360</v>
          </cell>
        </row>
        <row r="128">
          <cell r="E128" t="str">
            <v xml:space="preserve">    (５) 通 信 運 搬 費（連盟管理）</v>
          </cell>
          <cell r="I128">
            <v>9830</v>
          </cell>
        </row>
        <row r="129">
          <cell r="E129" t="str">
            <v>市長杯大会（参加料）</v>
          </cell>
          <cell r="H129">
            <v>36000</v>
          </cell>
        </row>
        <row r="130">
          <cell r="E130" t="str">
            <v>体育の日（その他事業支出）</v>
          </cell>
          <cell r="I130">
            <v>39000</v>
          </cell>
        </row>
        <row r="131">
          <cell r="E131" t="str">
            <v>ジュニア教室（有料施設利用料）</v>
          </cell>
          <cell r="I131">
            <v>14000</v>
          </cell>
        </row>
        <row r="132">
          <cell r="E132" t="str">
            <v>ジュニア教室（有料施設利用料）</v>
          </cell>
          <cell r="I132">
            <v>13500</v>
          </cell>
        </row>
        <row r="133">
          <cell r="E133" t="str">
            <v>加盟団体戦大会（有料施設利用料）</v>
          </cell>
          <cell r="I133">
            <v>36000</v>
          </cell>
        </row>
        <row r="134">
          <cell r="E134" t="str">
            <v>加盟団体戦大会（付属器具利用料）</v>
          </cell>
          <cell r="I134">
            <v>3400</v>
          </cell>
        </row>
        <row r="135">
          <cell r="E135" t="str">
            <v>テニスの日（有料施設利用料）</v>
          </cell>
          <cell r="I135">
            <v>9000</v>
          </cell>
        </row>
        <row r="136">
          <cell r="E136" t="str">
            <v>Jr.施設コート代</v>
          </cell>
          <cell r="I136">
            <v>15750</v>
          </cell>
        </row>
        <row r="137">
          <cell r="E137" t="str">
            <v>Jr.施設備品代</v>
          </cell>
          <cell r="I137">
            <v>1440</v>
          </cell>
        </row>
        <row r="138">
          <cell r="E138" t="str">
            <v>ジュニア教室（有料施設利用料）</v>
          </cell>
          <cell r="I138">
            <v>13000</v>
          </cell>
        </row>
        <row r="139">
          <cell r="E139" t="str">
            <v>一般教室（有料施設利用料）</v>
          </cell>
          <cell r="I139">
            <v>10500</v>
          </cell>
        </row>
        <row r="140">
          <cell r="E140" t="str">
            <v xml:space="preserve">    (１２) 慶 弔 費（連盟管理）</v>
          </cell>
          <cell r="I140">
            <v>10500</v>
          </cell>
        </row>
        <row r="141">
          <cell r="E141" t="str">
            <v xml:space="preserve">    (2) 地 区 関 係 費</v>
          </cell>
          <cell r="I141">
            <v>15000</v>
          </cell>
        </row>
        <row r="142">
          <cell r="E142" t="str">
            <v xml:space="preserve">    (2) 地 区 関 係 費</v>
          </cell>
          <cell r="I142">
            <v>8000</v>
          </cell>
        </row>
        <row r="143">
          <cell r="E143" t="str">
            <v xml:space="preserve">    (2) 地 区 関 係 費</v>
          </cell>
          <cell r="I143">
            <v>33000</v>
          </cell>
        </row>
        <row r="144">
          <cell r="E144" t="str">
            <v xml:space="preserve">    (５) 通 信 運 搬 費（連盟管理）</v>
          </cell>
          <cell r="I144">
            <v>6833</v>
          </cell>
        </row>
        <row r="145">
          <cell r="E145" t="str">
            <v xml:space="preserve">    (1) 府 関 係 費</v>
          </cell>
          <cell r="I145">
            <v>25000</v>
          </cell>
        </row>
        <row r="146">
          <cell r="E146" t="str">
            <v xml:space="preserve">    (1) 府 関 係 費</v>
          </cell>
          <cell r="I146">
            <v>39000</v>
          </cell>
        </row>
        <row r="147">
          <cell r="E147" t="str">
            <v xml:space="preserve">    (1) 府 関 係 費</v>
          </cell>
          <cell r="I147">
            <v>12150</v>
          </cell>
        </row>
        <row r="148">
          <cell r="E148" t="str">
            <v xml:space="preserve">    (1) 府 関 係 費</v>
          </cell>
          <cell r="I148">
            <v>18000</v>
          </cell>
        </row>
        <row r="149">
          <cell r="E149" t="str">
            <v xml:space="preserve"> 雑収入（一般）</v>
          </cell>
          <cell r="H149">
            <v>3000</v>
          </cell>
        </row>
        <row r="150">
          <cell r="E150" t="str">
            <v>Jr.公認料</v>
          </cell>
          <cell r="I150">
            <v>20400</v>
          </cell>
        </row>
        <row r="151">
          <cell r="E151" t="str">
            <v>追加登録料</v>
          </cell>
          <cell r="H151">
            <v>5000</v>
          </cell>
        </row>
        <row r="152">
          <cell r="E152" t="str">
            <v>社会人シングルス大会（参加料）</v>
          </cell>
          <cell r="H152">
            <v>406000</v>
          </cell>
        </row>
        <row r="153">
          <cell r="E153" t="str">
            <v>市長杯大会（賞品費）</v>
          </cell>
          <cell r="I153">
            <v>192150</v>
          </cell>
        </row>
        <row r="154">
          <cell r="E154" t="str">
            <v xml:space="preserve">    (３) 会 議 費（大会）</v>
          </cell>
          <cell r="I154">
            <v>5556</v>
          </cell>
        </row>
        <row r="155">
          <cell r="E155" t="str">
            <v>市長杯大会（役員手当）</v>
          </cell>
          <cell r="I155">
            <v>80000</v>
          </cell>
        </row>
        <row r="156">
          <cell r="E156" t="str">
            <v>市長杯大会（食料費）</v>
          </cell>
          <cell r="I156">
            <v>25356</v>
          </cell>
        </row>
        <row r="157">
          <cell r="E157" t="str">
            <v xml:space="preserve">    (４) 旅 費 交 通 費（大会）</v>
          </cell>
          <cell r="I157">
            <v>10600</v>
          </cell>
        </row>
        <row r="158">
          <cell r="E158" t="str">
            <v>市長杯大会（有料施設利用料）</v>
          </cell>
          <cell r="I158">
            <v>26000</v>
          </cell>
        </row>
        <row r="159">
          <cell r="E159" t="str">
            <v>市長杯大会（付属器具利用料）</v>
          </cell>
          <cell r="I159">
            <v>2400</v>
          </cell>
        </row>
        <row r="160">
          <cell r="E160" t="str">
            <v>一般教室（有料施設利用料）</v>
          </cell>
          <cell r="I160">
            <v>13500</v>
          </cell>
        </row>
        <row r="161">
          <cell r="E161" t="str">
            <v>ジュニア教室（有料施設利用料）</v>
          </cell>
          <cell r="I161">
            <v>16000</v>
          </cell>
        </row>
        <row r="162">
          <cell r="E162" t="str">
            <v>ジュニアサテライト参加料</v>
          </cell>
          <cell r="H162">
            <v>2000</v>
          </cell>
        </row>
        <row r="163">
          <cell r="E163" t="str">
            <v>テニス教室（一般）（参加料）</v>
          </cell>
          <cell r="H163">
            <v>788000</v>
          </cell>
        </row>
        <row r="164">
          <cell r="E164" t="str">
            <v xml:space="preserve"> 雑収入（教室一般）</v>
          </cell>
          <cell r="H164">
            <v>76</v>
          </cell>
        </row>
        <row r="165">
          <cell r="E165" t="str">
            <v>一般教室（講師謝礼）</v>
          </cell>
          <cell r="I165">
            <v>803500</v>
          </cell>
        </row>
        <row r="166">
          <cell r="E166" t="str">
            <v xml:space="preserve">    (３) 会 議 費（教室）</v>
          </cell>
          <cell r="I166">
            <v>7500</v>
          </cell>
        </row>
        <row r="167">
          <cell r="E167" t="str">
            <v>一般教室（参加賞費）</v>
          </cell>
          <cell r="I167">
            <v>26750</v>
          </cell>
        </row>
        <row r="168">
          <cell r="E168" t="str">
            <v xml:space="preserve">    (４) 旅 費 交 通 費（大会）</v>
          </cell>
          <cell r="I168">
            <v>2500</v>
          </cell>
        </row>
        <row r="169">
          <cell r="E169" t="str">
            <v>社会人シングルス大会（賞品費）</v>
          </cell>
          <cell r="I169">
            <v>105210</v>
          </cell>
        </row>
        <row r="170">
          <cell r="E170" t="str">
            <v xml:space="preserve">    (５) 通 信 運 搬 費（連盟管理）</v>
          </cell>
          <cell r="I170">
            <v>6833</v>
          </cell>
        </row>
        <row r="171">
          <cell r="E171" t="str">
            <v xml:space="preserve">    (６) 消 耗 品 費（連盟管理）</v>
          </cell>
          <cell r="I171">
            <v>4440</v>
          </cell>
        </row>
        <row r="172">
          <cell r="E172" t="str">
            <v xml:space="preserve">    (１４) そ の 他 諸 経 費（連盟管理）</v>
          </cell>
          <cell r="I172">
            <v>35000</v>
          </cell>
        </row>
        <row r="173">
          <cell r="E173" t="str">
            <v xml:space="preserve"> 雑収入（一般）</v>
          </cell>
          <cell r="H173">
            <v>17500</v>
          </cell>
        </row>
        <row r="174">
          <cell r="E174" t="str">
            <v xml:space="preserve">    (６) 消 耗 品 費（連盟管理）</v>
          </cell>
          <cell r="I174">
            <v>1390</v>
          </cell>
        </row>
        <row r="175">
          <cell r="E175" t="str">
            <v>　  (１) 事 業 補 助 金 収 入</v>
          </cell>
          <cell r="H175">
            <v>570740</v>
          </cell>
        </row>
        <row r="176">
          <cell r="E176" t="str">
            <v>追加登録料</v>
          </cell>
          <cell r="H176">
            <v>4200</v>
          </cell>
        </row>
        <row r="177">
          <cell r="E177" t="str">
            <v>百歳・百二十歳ダブルス大会（参加料）</v>
          </cell>
          <cell r="H177">
            <v>165000</v>
          </cell>
        </row>
        <row r="178">
          <cell r="E178" t="str">
            <v xml:space="preserve">    (６) 消 耗 品 費（大会）</v>
          </cell>
          <cell r="I178">
            <v>237000</v>
          </cell>
        </row>
        <row r="179">
          <cell r="E179" t="str">
            <v xml:space="preserve">    (３) 会 議 費（大会）</v>
          </cell>
          <cell r="I179">
            <v>4258</v>
          </cell>
        </row>
        <row r="180">
          <cell r="E180" t="str">
            <v>市長杯大会（有料施設利用料）</v>
          </cell>
          <cell r="I180">
            <v>9500</v>
          </cell>
        </row>
        <row r="181">
          <cell r="E181" t="str">
            <v>市長杯大会（付属器具利用料）</v>
          </cell>
          <cell r="I181">
            <v>1020</v>
          </cell>
        </row>
        <row r="182">
          <cell r="E182" t="str">
            <v>社会人シングルス大会（有料施設利用料）</v>
          </cell>
          <cell r="I182">
            <v>16000</v>
          </cell>
        </row>
        <row r="183">
          <cell r="E183" t="str">
            <v>社会人シングルス大会（付属器具利用料）</v>
          </cell>
          <cell r="I183">
            <v>1400</v>
          </cell>
        </row>
        <row r="184">
          <cell r="E184" t="str">
            <v>一般教室（有料施設利用料）</v>
          </cell>
          <cell r="I184">
            <v>6000</v>
          </cell>
        </row>
        <row r="185">
          <cell r="E185" t="str">
            <v>ジュニア教室（有料施設利用料）</v>
          </cell>
          <cell r="I185">
            <v>14000</v>
          </cell>
        </row>
        <row r="186">
          <cell r="E186" t="str">
            <v>社会人シングルス大会（役員手当）</v>
          </cell>
          <cell r="I186">
            <v>80000</v>
          </cell>
        </row>
        <row r="187">
          <cell r="E187" t="str">
            <v>社会人シングルス大会（食料費）</v>
          </cell>
          <cell r="I187">
            <v>36350</v>
          </cell>
        </row>
        <row r="188">
          <cell r="E188" t="str">
            <v xml:space="preserve">    (４) 旅 費 交 通 費（大会）</v>
          </cell>
          <cell r="I188">
            <v>14300</v>
          </cell>
        </row>
        <row r="189">
          <cell r="E189" t="str">
            <v xml:space="preserve"> 雑収入（一般）</v>
          </cell>
          <cell r="H189">
            <v>6500</v>
          </cell>
        </row>
        <row r="190">
          <cell r="E190" t="str">
            <v>社会人シングルス大会（参加料）</v>
          </cell>
          <cell r="H190">
            <v>39000</v>
          </cell>
        </row>
        <row r="191">
          <cell r="E191" t="str">
            <v xml:space="preserve">    (６) 消 耗 品 費（連盟管理）</v>
          </cell>
          <cell r="I191">
            <v>1520</v>
          </cell>
        </row>
        <row r="192">
          <cell r="E192" t="str">
            <v xml:space="preserve">    (５) 通 信 運 搬 費（連盟管理）</v>
          </cell>
          <cell r="I192">
            <v>2970</v>
          </cell>
        </row>
        <row r="193">
          <cell r="E193" t="str">
            <v>追加登録料</v>
          </cell>
          <cell r="H193">
            <v>2200</v>
          </cell>
        </row>
        <row r="194">
          <cell r="E194" t="str">
            <v>ファミリー大会（参加料）</v>
          </cell>
          <cell r="H194">
            <v>162000</v>
          </cell>
        </row>
        <row r="195">
          <cell r="E195" t="str">
            <v>百歳・百二十歳ダブルス大会（賞品費）</v>
          </cell>
          <cell r="I195">
            <v>46200</v>
          </cell>
        </row>
        <row r="196">
          <cell r="E196" t="str">
            <v>百歳・百二十歳ダブルス大会（役員手当）</v>
          </cell>
          <cell r="I196">
            <v>40000</v>
          </cell>
        </row>
        <row r="197">
          <cell r="E197" t="str">
            <v>百歳・百二十歳ダブルス大会（食料費）</v>
          </cell>
          <cell r="I197">
            <v>12578</v>
          </cell>
        </row>
        <row r="198">
          <cell r="E198" t="str">
            <v xml:space="preserve">    (４) 旅 費 交 通 費（大会）</v>
          </cell>
          <cell r="I198">
            <v>4900</v>
          </cell>
        </row>
        <row r="199">
          <cell r="E199" t="str">
            <v>高校生団体戦大会（参加料）</v>
          </cell>
          <cell r="H199">
            <v>105000</v>
          </cell>
        </row>
        <row r="200">
          <cell r="E200" t="str">
            <v>高校生団体戦大会（役員手当）</v>
          </cell>
          <cell r="I200">
            <v>24000</v>
          </cell>
        </row>
        <row r="201">
          <cell r="E201" t="str">
            <v>社会人シングルス大会（有料施設利用料）</v>
          </cell>
          <cell r="I201">
            <v>42000</v>
          </cell>
        </row>
        <row r="202">
          <cell r="E202" t="str">
            <v>社会人シングルス大会（付属器具利用料）</v>
          </cell>
          <cell r="I202">
            <v>3400</v>
          </cell>
        </row>
        <row r="203">
          <cell r="E203" t="str">
            <v>ジュニア教室（有料施設利用料）</v>
          </cell>
          <cell r="I203">
            <v>13000</v>
          </cell>
        </row>
        <row r="204">
          <cell r="E204" t="str">
            <v xml:space="preserve">    (６) 消 耗 品 費（連盟管理）</v>
          </cell>
          <cell r="I204">
            <v>990</v>
          </cell>
        </row>
        <row r="205">
          <cell r="E205" t="str">
            <v xml:space="preserve">    (５) 通 信 運 搬 費（連盟管理）</v>
          </cell>
          <cell r="I205">
            <v>6833</v>
          </cell>
        </row>
        <row r="206">
          <cell r="E206" t="str">
            <v xml:space="preserve">    (３) 会 議 費（大会）</v>
          </cell>
          <cell r="I206">
            <v>3148</v>
          </cell>
        </row>
        <row r="207">
          <cell r="E207" t="str">
            <v xml:space="preserve">    (３) 会 議 費（連盟管理）</v>
          </cell>
          <cell r="I207">
            <v>27500</v>
          </cell>
        </row>
        <row r="208">
          <cell r="E208" t="str">
            <v>ハーフマラソン大会（その他事業支出）</v>
          </cell>
          <cell r="I208">
            <v>16258</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I64"/>
  <sheetViews>
    <sheetView tabSelected="1" topLeftCell="A4" workbookViewId="0">
      <selection activeCell="G13" sqref="G13"/>
    </sheetView>
  </sheetViews>
  <sheetFormatPr defaultRowHeight="13.5"/>
  <cols>
    <col min="1" max="1" width="3.625" customWidth="1"/>
    <col min="3" max="3" width="8.625" customWidth="1"/>
    <col min="4" max="4" width="8.5" customWidth="1"/>
    <col min="5" max="5" width="18.125" customWidth="1"/>
    <col min="6" max="6" width="11.75" customWidth="1"/>
    <col min="7" max="7" width="13" customWidth="1"/>
    <col min="8" max="8" width="16.75" customWidth="1"/>
    <col min="9" max="9" width="7.375" customWidth="1"/>
  </cols>
  <sheetData>
    <row r="2" spans="2:9" ht="20.25" customHeight="1">
      <c r="B2" s="1" t="s">
        <v>0</v>
      </c>
      <c r="C2" s="2"/>
      <c r="H2" s="2"/>
      <c r="I2" s="3"/>
    </row>
    <row r="3" spans="2:9" ht="20.25" customHeight="1">
      <c r="B3" s="33" t="s">
        <v>1</v>
      </c>
      <c r="C3" s="33"/>
      <c r="D3" s="33"/>
      <c r="F3" s="4"/>
      <c r="H3" s="5" t="s">
        <v>2</v>
      </c>
    </row>
    <row r="4" spans="2:9" ht="20.25" customHeight="1">
      <c r="B4" s="2"/>
      <c r="C4" s="6"/>
      <c r="D4" s="7"/>
      <c r="E4" s="7"/>
      <c r="F4" s="7"/>
      <c r="G4" s="7"/>
      <c r="H4" s="8" t="s">
        <v>3</v>
      </c>
      <c r="I4" s="9"/>
    </row>
    <row r="5" spans="2:9" ht="30" customHeight="1">
      <c r="B5" s="1" t="s">
        <v>35</v>
      </c>
      <c r="C5" s="2"/>
    </row>
    <row r="6" spans="2:9" ht="28.5" customHeight="1">
      <c r="B6" s="2" t="s">
        <v>4</v>
      </c>
      <c r="C6" s="2"/>
    </row>
    <row r="7" spans="2:9" ht="24" customHeight="1">
      <c r="B7" s="2" t="s">
        <v>5</v>
      </c>
      <c r="C7" s="2"/>
    </row>
    <row r="8" spans="2:9" ht="24" customHeight="1">
      <c r="B8" s="2" t="s">
        <v>6</v>
      </c>
      <c r="C8" s="2"/>
    </row>
    <row r="9" spans="2:9" ht="24" customHeight="1">
      <c r="B9" s="2" t="s">
        <v>7</v>
      </c>
      <c r="C9" s="2"/>
    </row>
    <row r="10" spans="2:9" ht="24" customHeight="1">
      <c r="B10" s="2" t="s">
        <v>8</v>
      </c>
      <c r="C10" s="2"/>
    </row>
    <row r="11" spans="2:9" ht="24" customHeight="1">
      <c r="B11" s="2" t="s">
        <v>36</v>
      </c>
      <c r="C11" s="2"/>
    </row>
    <row r="12" spans="2:9" ht="24" customHeight="1">
      <c r="B12" s="2" t="s">
        <v>9</v>
      </c>
      <c r="C12" s="2"/>
    </row>
    <row r="13" spans="2:9" ht="24" customHeight="1">
      <c r="B13" s="2" t="s">
        <v>10</v>
      </c>
      <c r="C13" s="2"/>
      <c r="G13" s="10" t="s">
        <v>11</v>
      </c>
    </row>
    <row r="14" spans="2:9" ht="24" customHeight="1">
      <c r="B14" s="2" t="s">
        <v>12</v>
      </c>
      <c r="C14" s="2"/>
    </row>
    <row r="15" spans="2:9" ht="24" customHeight="1">
      <c r="B15" s="2" t="s">
        <v>13</v>
      </c>
      <c r="C15" s="2"/>
    </row>
    <row r="16" spans="2:9" ht="24" customHeight="1">
      <c r="B16" s="2" t="s">
        <v>14</v>
      </c>
      <c r="C16" s="2"/>
    </row>
    <row r="17" spans="2:9" ht="24" customHeight="1">
      <c r="B17" s="2" t="s">
        <v>15</v>
      </c>
    </row>
    <row r="18" spans="2:9" ht="15" customHeight="1">
      <c r="B18" s="2"/>
    </row>
    <row r="19" spans="2:9" ht="20.25" customHeight="1">
      <c r="B19" t="s">
        <v>16</v>
      </c>
      <c r="E19" s="34"/>
      <c r="F19" s="34"/>
      <c r="G19" s="34"/>
      <c r="H19" s="11" t="s">
        <v>17</v>
      </c>
    </row>
    <row r="20" spans="2:9" ht="20.25" customHeight="1">
      <c r="E20" s="35" t="s">
        <v>18</v>
      </c>
      <c r="F20" s="35"/>
      <c r="G20" s="35" t="s">
        <v>19</v>
      </c>
      <c r="H20" s="35"/>
    </row>
    <row r="21" spans="2:9" ht="20.25" customHeight="1" thickBot="1">
      <c r="B21" s="12" t="s">
        <v>20</v>
      </c>
    </row>
    <row r="22" spans="2:9" ht="15" customHeight="1">
      <c r="B22" s="32" t="s">
        <v>21</v>
      </c>
      <c r="C22" s="36" t="s">
        <v>22</v>
      </c>
      <c r="D22" s="37"/>
      <c r="E22" s="38" t="s">
        <v>23</v>
      </c>
      <c r="F22" s="13" t="s">
        <v>24</v>
      </c>
      <c r="G22" s="14" t="s">
        <v>25</v>
      </c>
      <c r="H22" s="15" t="s">
        <v>26</v>
      </c>
      <c r="I22" s="16"/>
    </row>
    <row r="23" spans="2:9" ht="15" customHeight="1" thickBot="1">
      <c r="B23" s="28"/>
      <c r="C23" s="17" t="s">
        <v>27</v>
      </c>
      <c r="D23" s="18" t="s">
        <v>28</v>
      </c>
      <c r="E23" s="39"/>
      <c r="F23" s="19" t="s">
        <v>29</v>
      </c>
      <c r="G23" s="20" t="s">
        <v>30</v>
      </c>
      <c r="H23" s="21" t="s">
        <v>31</v>
      </c>
      <c r="I23" s="16"/>
    </row>
    <row r="24" spans="2:9" ht="8.25" customHeight="1">
      <c r="B24" s="32">
        <v>1</v>
      </c>
      <c r="C24" s="29"/>
      <c r="D24" s="29"/>
      <c r="E24" s="29"/>
      <c r="F24" s="29"/>
      <c r="G24" s="29"/>
      <c r="H24" s="24"/>
      <c r="I24" s="22"/>
    </row>
    <row r="25" spans="2:9" ht="8.25" customHeight="1">
      <c r="B25" s="27"/>
      <c r="C25" s="30"/>
      <c r="D25" s="30"/>
      <c r="E25" s="30"/>
      <c r="F25" s="30"/>
      <c r="G25" s="30"/>
      <c r="H25" s="25"/>
      <c r="I25" s="22"/>
    </row>
    <row r="26" spans="2:9" ht="8.25" customHeight="1">
      <c r="B26" s="27"/>
      <c r="C26" s="30"/>
      <c r="D26" s="30"/>
      <c r="E26" s="30"/>
      <c r="F26" s="30"/>
      <c r="G26" s="30"/>
      <c r="H26" s="25"/>
      <c r="I26" s="22"/>
    </row>
    <row r="27" spans="2:9" ht="8.25" customHeight="1" thickBot="1">
      <c r="B27" s="28"/>
      <c r="C27" s="31"/>
      <c r="D27" s="31"/>
      <c r="E27" s="31"/>
      <c r="F27" s="31"/>
      <c r="G27" s="31"/>
      <c r="H27" s="26"/>
      <c r="I27" s="22"/>
    </row>
    <row r="28" spans="2:9" ht="8.25" customHeight="1">
      <c r="B28" s="32">
        <v>2</v>
      </c>
      <c r="C28" s="29"/>
      <c r="D28" s="29"/>
      <c r="E28" s="29"/>
      <c r="F28" s="29"/>
      <c r="G28" s="29"/>
      <c r="H28" s="24"/>
      <c r="I28" s="22"/>
    </row>
    <row r="29" spans="2:9" ht="8.25" customHeight="1">
      <c r="B29" s="27"/>
      <c r="C29" s="30"/>
      <c r="D29" s="30"/>
      <c r="E29" s="30"/>
      <c r="F29" s="30"/>
      <c r="G29" s="30"/>
      <c r="H29" s="25"/>
      <c r="I29" s="22"/>
    </row>
    <row r="30" spans="2:9" ht="8.25" customHeight="1">
      <c r="B30" s="27"/>
      <c r="C30" s="30"/>
      <c r="D30" s="30"/>
      <c r="E30" s="30"/>
      <c r="F30" s="30"/>
      <c r="G30" s="30"/>
      <c r="H30" s="25"/>
      <c r="I30" s="22"/>
    </row>
    <row r="31" spans="2:9" ht="8.25" customHeight="1" thickBot="1">
      <c r="B31" s="28"/>
      <c r="C31" s="31"/>
      <c r="D31" s="31"/>
      <c r="E31" s="31"/>
      <c r="F31" s="31"/>
      <c r="G31" s="31"/>
      <c r="H31" s="26"/>
      <c r="I31" s="22"/>
    </row>
    <row r="32" spans="2:9" ht="8.25" customHeight="1">
      <c r="B32" s="32">
        <v>3</v>
      </c>
      <c r="C32" s="29"/>
      <c r="D32" s="29"/>
      <c r="E32" s="29"/>
      <c r="F32" s="29"/>
      <c r="G32" s="29"/>
      <c r="H32" s="24"/>
      <c r="I32" s="22"/>
    </row>
    <row r="33" spans="2:9" ht="8.25" customHeight="1">
      <c r="B33" s="27"/>
      <c r="C33" s="30"/>
      <c r="D33" s="30"/>
      <c r="E33" s="30"/>
      <c r="F33" s="30"/>
      <c r="G33" s="30"/>
      <c r="H33" s="25"/>
      <c r="I33" s="22"/>
    </row>
    <row r="34" spans="2:9" ht="8.25" customHeight="1">
      <c r="B34" s="27"/>
      <c r="C34" s="30"/>
      <c r="D34" s="30"/>
      <c r="E34" s="30"/>
      <c r="F34" s="30"/>
      <c r="G34" s="30"/>
      <c r="H34" s="25"/>
      <c r="I34" s="22"/>
    </row>
    <row r="35" spans="2:9" ht="8.25" customHeight="1" thickBot="1">
      <c r="B35" s="28"/>
      <c r="C35" s="31"/>
      <c r="D35" s="31"/>
      <c r="E35" s="31"/>
      <c r="F35" s="31"/>
      <c r="G35" s="31"/>
      <c r="H35" s="26"/>
      <c r="I35" s="22"/>
    </row>
    <row r="36" spans="2:9" ht="8.25" customHeight="1">
      <c r="B36" s="32">
        <v>4</v>
      </c>
      <c r="C36" s="29"/>
      <c r="D36" s="29"/>
      <c r="E36" s="29"/>
      <c r="F36" s="29"/>
      <c r="G36" s="29"/>
      <c r="H36" s="24"/>
      <c r="I36" s="22"/>
    </row>
    <row r="37" spans="2:9" ht="8.25" customHeight="1">
      <c r="B37" s="27"/>
      <c r="C37" s="30"/>
      <c r="D37" s="30"/>
      <c r="E37" s="30"/>
      <c r="F37" s="30"/>
      <c r="G37" s="30"/>
      <c r="H37" s="25"/>
      <c r="I37" s="22"/>
    </row>
    <row r="38" spans="2:9" ht="8.25" customHeight="1" thickBot="1">
      <c r="B38" s="28"/>
      <c r="C38" s="31"/>
      <c r="D38" s="31"/>
      <c r="E38" s="31"/>
      <c r="F38" s="31"/>
      <c r="G38" s="31"/>
      <c r="H38" s="26"/>
      <c r="I38" s="22"/>
    </row>
    <row r="39" spans="2:9" ht="8.25" customHeight="1">
      <c r="B39" s="32">
        <v>5</v>
      </c>
      <c r="C39" s="29"/>
      <c r="D39" s="29"/>
      <c r="E39" s="29"/>
      <c r="F39" s="29"/>
      <c r="G39" s="29"/>
      <c r="H39" s="24"/>
      <c r="I39" s="22"/>
    </row>
    <row r="40" spans="2:9" ht="8.25" customHeight="1">
      <c r="B40" s="27"/>
      <c r="C40" s="30"/>
      <c r="D40" s="30"/>
      <c r="E40" s="30"/>
      <c r="F40" s="30"/>
      <c r="G40" s="30"/>
      <c r="H40" s="25"/>
      <c r="I40" s="22"/>
    </row>
    <row r="41" spans="2:9" ht="8.25" customHeight="1">
      <c r="B41" s="27"/>
      <c r="C41" s="30"/>
      <c r="D41" s="30"/>
      <c r="E41" s="30"/>
      <c r="F41" s="30"/>
      <c r="G41" s="30"/>
      <c r="H41" s="25"/>
      <c r="I41" s="22"/>
    </row>
    <row r="42" spans="2:9" ht="8.25" customHeight="1" thickBot="1">
      <c r="B42" s="28"/>
      <c r="C42" s="31"/>
      <c r="D42" s="31"/>
      <c r="E42" s="31"/>
      <c r="F42" s="31"/>
      <c r="G42" s="31"/>
      <c r="H42" s="26"/>
      <c r="I42" s="22"/>
    </row>
    <row r="43" spans="2:9" ht="8.25" customHeight="1">
      <c r="B43" s="32">
        <v>6</v>
      </c>
      <c r="C43" s="29"/>
      <c r="D43" s="29"/>
      <c r="E43" s="29"/>
      <c r="F43" s="29"/>
      <c r="G43" s="29"/>
      <c r="H43" s="24"/>
      <c r="I43" s="22"/>
    </row>
    <row r="44" spans="2:9" ht="8.25" customHeight="1">
      <c r="B44" s="27"/>
      <c r="C44" s="30"/>
      <c r="D44" s="30"/>
      <c r="E44" s="30"/>
      <c r="F44" s="30"/>
      <c r="G44" s="30"/>
      <c r="H44" s="25"/>
      <c r="I44" s="22"/>
    </row>
    <row r="45" spans="2:9" ht="8.25" customHeight="1">
      <c r="B45" s="27"/>
      <c r="C45" s="30"/>
      <c r="D45" s="30"/>
      <c r="E45" s="30"/>
      <c r="F45" s="30"/>
      <c r="G45" s="30"/>
      <c r="H45" s="25"/>
      <c r="I45" s="22"/>
    </row>
    <row r="46" spans="2:9" ht="8.25" customHeight="1" thickBot="1">
      <c r="B46" s="28"/>
      <c r="C46" s="31"/>
      <c r="D46" s="31"/>
      <c r="E46" s="31"/>
      <c r="F46" s="31"/>
      <c r="G46" s="31"/>
      <c r="H46" s="26"/>
      <c r="I46" s="22"/>
    </row>
    <row r="47" spans="2:9" ht="8.25" customHeight="1">
      <c r="B47" s="32">
        <v>7</v>
      </c>
      <c r="C47" s="29"/>
      <c r="D47" s="29"/>
      <c r="E47" s="29"/>
      <c r="F47" s="29"/>
      <c r="G47" s="29"/>
      <c r="H47" s="24"/>
      <c r="I47" s="22"/>
    </row>
    <row r="48" spans="2:9" ht="8.25" customHeight="1">
      <c r="B48" s="27"/>
      <c r="C48" s="30"/>
      <c r="D48" s="30"/>
      <c r="E48" s="30"/>
      <c r="F48" s="30"/>
      <c r="G48" s="30"/>
      <c r="H48" s="25"/>
      <c r="I48" s="22"/>
    </row>
    <row r="49" spans="2:9" ht="8.25" customHeight="1">
      <c r="B49" s="27"/>
      <c r="C49" s="30"/>
      <c r="D49" s="30"/>
      <c r="E49" s="30"/>
      <c r="F49" s="30"/>
      <c r="G49" s="30"/>
      <c r="H49" s="25"/>
      <c r="I49" s="22"/>
    </row>
    <row r="50" spans="2:9" ht="8.25" customHeight="1" thickBot="1">
      <c r="B50" s="28"/>
      <c r="C50" s="31"/>
      <c r="D50" s="31"/>
      <c r="E50" s="31"/>
      <c r="F50" s="31"/>
      <c r="G50" s="31"/>
      <c r="H50" s="26"/>
      <c r="I50" s="22"/>
    </row>
    <row r="51" spans="2:9" ht="8.25" customHeight="1">
      <c r="B51" s="32">
        <v>8</v>
      </c>
      <c r="C51" s="29"/>
      <c r="D51" s="29"/>
      <c r="E51" s="29"/>
      <c r="F51" s="29"/>
      <c r="G51" s="29"/>
      <c r="H51" s="24"/>
      <c r="I51" s="22"/>
    </row>
    <row r="52" spans="2:9" ht="8.25" customHeight="1">
      <c r="B52" s="27"/>
      <c r="C52" s="30"/>
      <c r="D52" s="30"/>
      <c r="E52" s="30"/>
      <c r="F52" s="30"/>
      <c r="G52" s="30"/>
      <c r="H52" s="25"/>
      <c r="I52" s="22"/>
    </row>
    <row r="53" spans="2:9" ht="8.25" customHeight="1">
      <c r="B53" s="27"/>
      <c r="C53" s="30"/>
      <c r="D53" s="30"/>
      <c r="E53" s="30"/>
      <c r="F53" s="30"/>
      <c r="G53" s="30"/>
      <c r="H53" s="25"/>
      <c r="I53" s="22"/>
    </row>
    <row r="54" spans="2:9" ht="8.25" customHeight="1" thickBot="1">
      <c r="B54" s="28"/>
      <c r="C54" s="31"/>
      <c r="D54" s="31"/>
      <c r="E54" s="31"/>
      <c r="F54" s="31"/>
      <c r="G54" s="31"/>
      <c r="H54" s="26"/>
      <c r="I54" s="22"/>
    </row>
    <row r="55" spans="2:9" ht="8.25" customHeight="1">
      <c r="B55" s="32">
        <v>9</v>
      </c>
      <c r="C55" s="29"/>
      <c r="D55" s="29"/>
      <c r="E55" s="29"/>
      <c r="F55" s="29"/>
      <c r="G55" s="29"/>
      <c r="H55" s="24"/>
      <c r="I55" s="22"/>
    </row>
    <row r="56" spans="2:9" ht="8.25" customHeight="1">
      <c r="B56" s="27"/>
      <c r="C56" s="30"/>
      <c r="D56" s="30"/>
      <c r="E56" s="30"/>
      <c r="F56" s="30"/>
      <c r="G56" s="30"/>
      <c r="H56" s="25"/>
      <c r="I56" s="22"/>
    </row>
    <row r="57" spans="2:9" ht="8.25" customHeight="1">
      <c r="B57" s="27"/>
      <c r="C57" s="30"/>
      <c r="D57" s="30"/>
      <c r="E57" s="30"/>
      <c r="F57" s="30"/>
      <c r="G57" s="30"/>
      <c r="H57" s="25"/>
      <c r="I57" s="22"/>
    </row>
    <row r="58" spans="2:9" ht="8.25" customHeight="1" thickBot="1">
      <c r="B58" s="28"/>
      <c r="C58" s="31"/>
      <c r="D58" s="31"/>
      <c r="E58" s="31"/>
      <c r="F58" s="31"/>
      <c r="G58" s="31"/>
      <c r="H58" s="26"/>
      <c r="I58" s="22"/>
    </row>
    <row r="59" spans="2:9" ht="8.25" customHeight="1">
      <c r="B59" s="27">
        <v>10</v>
      </c>
      <c r="C59" s="29"/>
      <c r="D59" s="29"/>
      <c r="E59" s="29"/>
      <c r="F59" s="29"/>
      <c r="G59" s="29"/>
      <c r="H59" s="24"/>
      <c r="I59" s="22"/>
    </row>
    <row r="60" spans="2:9" ht="8.25" customHeight="1">
      <c r="B60" s="27"/>
      <c r="C60" s="30"/>
      <c r="D60" s="30"/>
      <c r="E60" s="30"/>
      <c r="F60" s="30"/>
      <c r="G60" s="30"/>
      <c r="H60" s="25"/>
      <c r="I60" s="22"/>
    </row>
    <row r="61" spans="2:9" ht="8.25" customHeight="1">
      <c r="B61" s="27"/>
      <c r="C61" s="30"/>
      <c r="D61" s="30"/>
      <c r="E61" s="30"/>
      <c r="F61" s="30"/>
      <c r="G61" s="30"/>
      <c r="H61" s="25"/>
      <c r="I61" s="22"/>
    </row>
    <row r="62" spans="2:9" ht="8.25" customHeight="1" thickBot="1">
      <c r="B62" s="28"/>
      <c r="C62" s="31"/>
      <c r="D62" s="31"/>
      <c r="E62" s="31"/>
      <c r="F62" s="31"/>
      <c r="G62" s="31"/>
      <c r="H62" s="26"/>
      <c r="I62" s="22"/>
    </row>
    <row r="63" spans="2:9">
      <c r="B63" s="23" t="s">
        <v>32</v>
      </c>
      <c r="D63" s="23"/>
      <c r="E63" s="23" t="s">
        <v>33</v>
      </c>
    </row>
    <row r="64" spans="2:9">
      <c r="D64" s="23"/>
      <c r="E64" s="23" t="s">
        <v>34</v>
      </c>
    </row>
  </sheetData>
  <mergeCells count="77">
    <mergeCell ref="B3:D3"/>
    <mergeCell ref="E19:G19"/>
    <mergeCell ref="E20:F20"/>
    <mergeCell ref="G20:H20"/>
    <mergeCell ref="B22:B23"/>
    <mergeCell ref="C22:D22"/>
    <mergeCell ref="E22:E23"/>
    <mergeCell ref="H24:H27"/>
    <mergeCell ref="B28:B31"/>
    <mergeCell ref="C28:C31"/>
    <mergeCell ref="D28:D31"/>
    <mergeCell ref="E28:E31"/>
    <mergeCell ref="F28:F31"/>
    <mergeCell ref="G28:G31"/>
    <mergeCell ref="H28:H31"/>
    <mergeCell ref="B24:B27"/>
    <mergeCell ref="C24:C27"/>
    <mergeCell ref="D24:D27"/>
    <mergeCell ref="E24:E27"/>
    <mergeCell ref="F24:F27"/>
    <mergeCell ref="G24:G27"/>
    <mergeCell ref="H32:H35"/>
    <mergeCell ref="B36:B38"/>
    <mergeCell ref="C36:C38"/>
    <mergeCell ref="D36:D38"/>
    <mergeCell ref="E36:E38"/>
    <mergeCell ref="F36:F38"/>
    <mergeCell ref="G36:G38"/>
    <mergeCell ref="H36:H38"/>
    <mergeCell ref="B32:B35"/>
    <mergeCell ref="C32:C35"/>
    <mergeCell ref="D32:D35"/>
    <mergeCell ref="E32:E35"/>
    <mergeCell ref="F32:F35"/>
    <mergeCell ref="G32:G35"/>
    <mergeCell ref="H39:H42"/>
    <mergeCell ref="B43:B46"/>
    <mergeCell ref="C43:C46"/>
    <mergeCell ref="D43:D46"/>
    <mergeCell ref="E43:E46"/>
    <mergeCell ref="F43:F46"/>
    <mergeCell ref="G43:G46"/>
    <mergeCell ref="H43:H46"/>
    <mergeCell ref="B39:B42"/>
    <mergeCell ref="C39:C42"/>
    <mergeCell ref="D39:D42"/>
    <mergeCell ref="E39:E42"/>
    <mergeCell ref="F39:F42"/>
    <mergeCell ref="G39:G42"/>
    <mergeCell ref="H47:H50"/>
    <mergeCell ref="B51:B54"/>
    <mergeCell ref="C51:C54"/>
    <mergeCell ref="D51:D54"/>
    <mergeCell ref="E51:E54"/>
    <mergeCell ref="F51:F54"/>
    <mergeCell ref="G51:G54"/>
    <mergeCell ref="H51:H54"/>
    <mergeCell ref="B47:B50"/>
    <mergeCell ref="C47:C50"/>
    <mergeCell ref="D47:D50"/>
    <mergeCell ref="E47:E50"/>
    <mergeCell ref="F47:F50"/>
    <mergeCell ref="G47:G50"/>
    <mergeCell ref="H55:H58"/>
    <mergeCell ref="B59:B62"/>
    <mergeCell ref="C59:C62"/>
    <mergeCell ref="D59:D62"/>
    <mergeCell ref="E59:E62"/>
    <mergeCell ref="F59:F62"/>
    <mergeCell ref="G59:G62"/>
    <mergeCell ref="H59:H62"/>
    <mergeCell ref="B55:B58"/>
    <mergeCell ref="C55:C58"/>
    <mergeCell ref="D55:D58"/>
    <mergeCell ref="E55:E58"/>
    <mergeCell ref="F55:F58"/>
    <mergeCell ref="G55:G58"/>
  </mergeCells>
  <phoneticPr fontId="3"/>
  <printOptions horizontalCentered="1" verticalCentered="1"/>
  <pageMargins left="0.78740157480314965" right="0.78740157480314965" top="0.39370078740157483" bottom="0.39370078740157483" header="0.51181102362204722" footer="0.51181102362204722"/>
  <pageSetup paperSize="9" scale="89" orientation="portrait" verticalDpi="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ｼﾝｸﾞﾙ三島案内 </vt:lpstr>
      <vt:lpstr>'ｼﾝｸﾞﾙ三島案内 '!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中二朗</dc:creator>
  <cp:lastModifiedBy>SASA</cp:lastModifiedBy>
  <dcterms:created xsi:type="dcterms:W3CDTF">2016-09-25T11:42:51Z</dcterms:created>
  <dcterms:modified xsi:type="dcterms:W3CDTF">2016-09-27T02:30:00Z</dcterms:modified>
</cp:coreProperties>
</file>